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jpg" ContentType="image/jp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>
  <p:sldMasterIdLst>
    <p:sldMasterId id="2147483648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2" r:id="rId8"/>
    <p:sldId id="263" r:id="rId9"/>
    <p:sldId id="264" r:id="rId10"/>
    <p:sldId id="265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</p:sldIdLst>
  <p:sldSz cx="12192000" cy="6858000"/>
  <p:notesSz cx="12192000" cy="6858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880">
          <p15:clr>
            <a:srgbClr val="A4A3A4"/>
          </p15:clr>
        </p15:guide>
        <p15:guide id="2" pos="216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4" d="100"/>
          <a:sy n="64" d="100"/>
        </p:scale>
        <p:origin x="90" y="408"/>
      </p:cViewPr>
      <p:guideLst>
        <p:guide orient="horz" pos="2880"/>
        <p:guide pos="216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Slide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2067999" y="1810417"/>
            <a:ext cx="8068158" cy="46133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ctrTitle"/>
          </p:nvPr>
        </p:nvSpPr>
        <p:spPr>
          <a:xfrm>
            <a:off x="5543676" y="434085"/>
            <a:ext cx="1104646" cy="4826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3000" b="0" i="0">
                <a:solidFill>
                  <a:srgbClr val="343944"/>
                </a:solidFill>
                <a:latin typeface="Arial"/>
                <a:cs typeface="Arial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subTitle" idx="4"/>
          </p:nvPr>
        </p:nvSpPr>
        <p:spPr>
          <a:xfrm>
            <a:off x="1828800" y="3840480"/>
            <a:ext cx="8534400" cy="17145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36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/>
        <p:txBody>
          <a:bodyPr lIns="0" tIns="0" rIns="0" bIns="0"/>
          <a:lstStyle>
            <a:lvl1pPr>
              <a:defRPr sz="28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wo Content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0"/>
            <a:ext cx="12191999" cy="6857996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7" name="bg object 17"/>
          <p:cNvSpPr/>
          <p:nvPr/>
        </p:nvSpPr>
        <p:spPr>
          <a:xfrm>
            <a:off x="2397886" y="283590"/>
            <a:ext cx="6939044" cy="772159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8" name="bg object 18"/>
          <p:cNvSpPr/>
          <p:nvPr/>
        </p:nvSpPr>
        <p:spPr>
          <a:xfrm>
            <a:off x="8458200" y="1444751"/>
            <a:ext cx="3048000" cy="4114800"/>
          </a:xfrm>
          <a:custGeom>
            <a:avLst/>
            <a:gdLst/>
            <a:ahLst/>
            <a:cxnLst/>
            <a:rect l="l" t="t" r="r" b="b"/>
            <a:pathLst>
              <a:path w="3048000" h="4114800">
                <a:moveTo>
                  <a:pt x="3048000" y="508000"/>
                </a:moveTo>
                <a:lnTo>
                  <a:pt x="3045663" y="459079"/>
                </a:lnTo>
                <a:lnTo>
                  <a:pt x="3038830" y="411480"/>
                </a:lnTo>
                <a:lnTo>
                  <a:pt x="3027705" y="365404"/>
                </a:lnTo>
                <a:lnTo>
                  <a:pt x="3012490" y="321068"/>
                </a:lnTo>
                <a:lnTo>
                  <a:pt x="2993402" y="278676"/>
                </a:lnTo>
                <a:lnTo>
                  <a:pt x="2970657" y="238467"/>
                </a:lnTo>
                <a:lnTo>
                  <a:pt x="2944469" y="200634"/>
                </a:lnTo>
                <a:lnTo>
                  <a:pt x="2915056" y="165379"/>
                </a:lnTo>
                <a:lnTo>
                  <a:pt x="2882620" y="132943"/>
                </a:lnTo>
                <a:lnTo>
                  <a:pt x="2847365" y="103530"/>
                </a:lnTo>
                <a:lnTo>
                  <a:pt x="2809532" y="77343"/>
                </a:lnTo>
                <a:lnTo>
                  <a:pt x="2769324" y="54597"/>
                </a:lnTo>
                <a:lnTo>
                  <a:pt x="2726931" y="35509"/>
                </a:lnTo>
                <a:lnTo>
                  <a:pt x="2682595" y="20294"/>
                </a:lnTo>
                <a:lnTo>
                  <a:pt x="2636520" y="9169"/>
                </a:lnTo>
                <a:lnTo>
                  <a:pt x="2588920" y="2336"/>
                </a:lnTo>
                <a:lnTo>
                  <a:pt x="2540000" y="0"/>
                </a:lnTo>
                <a:lnTo>
                  <a:pt x="508000" y="0"/>
                </a:lnTo>
                <a:lnTo>
                  <a:pt x="459066" y="2336"/>
                </a:lnTo>
                <a:lnTo>
                  <a:pt x="411467" y="9169"/>
                </a:lnTo>
                <a:lnTo>
                  <a:pt x="365391" y="20294"/>
                </a:lnTo>
                <a:lnTo>
                  <a:pt x="321056" y="35509"/>
                </a:lnTo>
                <a:lnTo>
                  <a:pt x="278663" y="54597"/>
                </a:lnTo>
                <a:lnTo>
                  <a:pt x="238455" y="77343"/>
                </a:lnTo>
                <a:lnTo>
                  <a:pt x="200621" y="103530"/>
                </a:lnTo>
                <a:lnTo>
                  <a:pt x="165366" y="132943"/>
                </a:lnTo>
                <a:lnTo>
                  <a:pt x="132930" y="165379"/>
                </a:lnTo>
                <a:lnTo>
                  <a:pt x="103517" y="200634"/>
                </a:lnTo>
                <a:lnTo>
                  <a:pt x="77330" y="238467"/>
                </a:lnTo>
                <a:lnTo>
                  <a:pt x="54584" y="278676"/>
                </a:lnTo>
                <a:lnTo>
                  <a:pt x="35496" y="321068"/>
                </a:lnTo>
                <a:lnTo>
                  <a:pt x="20281" y="365404"/>
                </a:lnTo>
                <a:lnTo>
                  <a:pt x="9156" y="411480"/>
                </a:lnTo>
                <a:lnTo>
                  <a:pt x="2324" y="459079"/>
                </a:lnTo>
                <a:lnTo>
                  <a:pt x="0" y="508000"/>
                </a:lnTo>
                <a:lnTo>
                  <a:pt x="0" y="3606800"/>
                </a:lnTo>
                <a:lnTo>
                  <a:pt x="2324" y="3655733"/>
                </a:lnTo>
                <a:lnTo>
                  <a:pt x="9156" y="3703332"/>
                </a:lnTo>
                <a:lnTo>
                  <a:pt x="20281" y="3749408"/>
                </a:lnTo>
                <a:lnTo>
                  <a:pt x="35496" y="3793744"/>
                </a:lnTo>
                <a:lnTo>
                  <a:pt x="54584" y="3836136"/>
                </a:lnTo>
                <a:lnTo>
                  <a:pt x="77330" y="3876344"/>
                </a:lnTo>
                <a:lnTo>
                  <a:pt x="103517" y="3914178"/>
                </a:lnTo>
                <a:lnTo>
                  <a:pt x="132930" y="3949433"/>
                </a:lnTo>
                <a:lnTo>
                  <a:pt x="165366" y="3981869"/>
                </a:lnTo>
                <a:lnTo>
                  <a:pt x="200621" y="4011282"/>
                </a:lnTo>
                <a:lnTo>
                  <a:pt x="238455" y="4037469"/>
                </a:lnTo>
                <a:lnTo>
                  <a:pt x="278663" y="4060215"/>
                </a:lnTo>
                <a:lnTo>
                  <a:pt x="321056" y="4079303"/>
                </a:lnTo>
                <a:lnTo>
                  <a:pt x="365391" y="4094518"/>
                </a:lnTo>
                <a:lnTo>
                  <a:pt x="411467" y="4105643"/>
                </a:lnTo>
                <a:lnTo>
                  <a:pt x="459066" y="4112476"/>
                </a:lnTo>
                <a:lnTo>
                  <a:pt x="508000" y="4114800"/>
                </a:lnTo>
                <a:lnTo>
                  <a:pt x="2540000" y="4114800"/>
                </a:lnTo>
                <a:lnTo>
                  <a:pt x="2588920" y="4112476"/>
                </a:lnTo>
                <a:lnTo>
                  <a:pt x="2636520" y="4105643"/>
                </a:lnTo>
                <a:lnTo>
                  <a:pt x="2682595" y="4094518"/>
                </a:lnTo>
                <a:lnTo>
                  <a:pt x="2726931" y="4079303"/>
                </a:lnTo>
                <a:lnTo>
                  <a:pt x="2769324" y="4060215"/>
                </a:lnTo>
                <a:lnTo>
                  <a:pt x="2809532" y="4037469"/>
                </a:lnTo>
                <a:lnTo>
                  <a:pt x="2847365" y="4011282"/>
                </a:lnTo>
                <a:lnTo>
                  <a:pt x="2882620" y="3981869"/>
                </a:lnTo>
                <a:lnTo>
                  <a:pt x="2915056" y="3949433"/>
                </a:lnTo>
                <a:lnTo>
                  <a:pt x="2944469" y="3914178"/>
                </a:lnTo>
                <a:lnTo>
                  <a:pt x="2970657" y="3876344"/>
                </a:lnTo>
                <a:lnTo>
                  <a:pt x="2993402" y="3836136"/>
                </a:lnTo>
                <a:lnTo>
                  <a:pt x="3012490" y="3793744"/>
                </a:lnTo>
                <a:lnTo>
                  <a:pt x="3027705" y="3749408"/>
                </a:lnTo>
                <a:lnTo>
                  <a:pt x="3038830" y="3703332"/>
                </a:lnTo>
                <a:lnTo>
                  <a:pt x="3045663" y="3655733"/>
                </a:lnTo>
                <a:lnTo>
                  <a:pt x="3048000" y="3606800"/>
                </a:lnTo>
                <a:lnTo>
                  <a:pt x="3048000" y="508000"/>
                </a:lnTo>
                <a:close/>
              </a:path>
            </a:pathLst>
          </a:custGeom>
          <a:solidFill>
            <a:srgbClr val="FFF1CC"/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19" name="bg object 19"/>
          <p:cNvSpPr/>
          <p:nvPr/>
        </p:nvSpPr>
        <p:spPr>
          <a:xfrm>
            <a:off x="8686800" y="1696212"/>
            <a:ext cx="2472055" cy="727075"/>
          </a:xfrm>
          <a:custGeom>
            <a:avLst/>
            <a:gdLst/>
            <a:ahLst/>
            <a:cxnLst/>
            <a:rect l="l" t="t" r="r" b="b"/>
            <a:pathLst>
              <a:path w="2472054" h="727075">
                <a:moveTo>
                  <a:pt x="0" y="121158"/>
                </a:moveTo>
                <a:lnTo>
                  <a:pt x="9519" y="73991"/>
                </a:lnTo>
                <a:lnTo>
                  <a:pt x="35480" y="35480"/>
                </a:lnTo>
                <a:lnTo>
                  <a:pt x="73991" y="9519"/>
                </a:lnTo>
                <a:lnTo>
                  <a:pt x="121157" y="0"/>
                </a:lnTo>
                <a:lnTo>
                  <a:pt x="2350770" y="0"/>
                </a:lnTo>
                <a:lnTo>
                  <a:pt x="2397936" y="9519"/>
                </a:lnTo>
                <a:lnTo>
                  <a:pt x="2436447" y="35480"/>
                </a:lnTo>
                <a:lnTo>
                  <a:pt x="2462408" y="73991"/>
                </a:lnTo>
                <a:lnTo>
                  <a:pt x="2471928" y="121158"/>
                </a:lnTo>
                <a:lnTo>
                  <a:pt x="2471928" y="605789"/>
                </a:lnTo>
                <a:lnTo>
                  <a:pt x="2462408" y="652956"/>
                </a:lnTo>
                <a:lnTo>
                  <a:pt x="2436447" y="691467"/>
                </a:lnTo>
                <a:lnTo>
                  <a:pt x="2397936" y="717428"/>
                </a:lnTo>
                <a:lnTo>
                  <a:pt x="2350770" y="726948"/>
                </a:lnTo>
                <a:lnTo>
                  <a:pt x="121157" y="726948"/>
                </a:lnTo>
                <a:lnTo>
                  <a:pt x="73991" y="717428"/>
                </a:lnTo>
                <a:lnTo>
                  <a:pt x="35480" y="691467"/>
                </a:lnTo>
                <a:lnTo>
                  <a:pt x="9519" y="652956"/>
                </a:lnTo>
                <a:lnTo>
                  <a:pt x="0" y="605789"/>
                </a:lnTo>
                <a:lnTo>
                  <a:pt x="0" y="121158"/>
                </a:lnTo>
                <a:close/>
              </a:path>
            </a:pathLst>
          </a:custGeom>
          <a:ln w="12700">
            <a:solidFill>
              <a:srgbClr val="2E528F"/>
            </a:solidFill>
          </a:ln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36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sz="half" idx="2"/>
          </p:nvPr>
        </p:nvSpPr>
        <p:spPr>
          <a:xfrm>
            <a:off x="609600" y="1577340"/>
            <a:ext cx="5303520" cy="452628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sz="half" idx="3"/>
          </p:nvPr>
        </p:nvSpPr>
        <p:spPr>
          <a:xfrm>
            <a:off x="6278880" y="1577340"/>
            <a:ext cx="5303520" cy="452628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/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6" name="Holder 6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7" name="Holder 7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" preserve="1">
  <p:cSld name="Title Only"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bg object 16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2" name="Holder 2"/>
          <p:cNvSpPr>
            <a:spLocks noGrp="1"/>
          </p:cNvSpPr>
          <p:nvPr>
            <p:ph type="title"/>
          </p:nvPr>
        </p:nvSpPr>
        <p:spPr/>
        <p:txBody>
          <a:bodyPr lIns="0" tIns="0" rIns="0" bIns="0"/>
          <a:lstStyle>
            <a:lvl1pPr>
              <a:defRPr sz="36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5" name="Holder 5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ftr" sz="quarter" idx="5"/>
          </p:nvPr>
        </p:nvSpPr>
        <p:spPr/>
        <p:txBody>
          <a:bodyPr lIns="0" tIns="0" rIns="0" bIns="0"/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dt" sz="half" idx="6"/>
          </p:nvPr>
        </p:nvSpPr>
        <p:spPr/>
        <p:txBody>
          <a:bodyPr lIns="0" tIns="0" rIns="0" bIns="0"/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4" name="Holder 4"/>
          <p:cNvSpPr>
            <a:spLocks noGrp="1"/>
          </p:cNvSpPr>
          <p:nvPr>
            <p:ph type="sldNum" sz="quarter" idx="7"/>
          </p:nvPr>
        </p:nvSpPr>
        <p:spPr/>
        <p:txBody>
          <a:bodyPr lIns="0" tIns="0" rIns="0" bIns="0"/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3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theme" Target="../theme/theme1.xml"/><Relationship Id="rId5" Type="http://schemas.openxmlformats.org/officeDocument/2006/relationships/slideLayout" Target="../slideLayouts/slideLayout5.xml"/><Relationship Id="rId4" Type="http://schemas.openxmlformats.org/officeDocument/2006/relationships/slideLayout" Target="../slideLayouts/slideLayout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older 2"/>
          <p:cNvSpPr>
            <a:spLocks noGrp="1"/>
          </p:cNvSpPr>
          <p:nvPr>
            <p:ph type="title"/>
          </p:nvPr>
        </p:nvSpPr>
        <p:spPr>
          <a:xfrm>
            <a:off x="2663824" y="668577"/>
            <a:ext cx="6864350" cy="2193925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36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3" name="Holder 3"/>
          <p:cNvSpPr>
            <a:spLocks noGrp="1"/>
          </p:cNvSpPr>
          <p:nvPr>
            <p:ph type="body" idx="1"/>
          </p:nvPr>
        </p:nvSpPr>
        <p:spPr>
          <a:xfrm>
            <a:off x="3004820" y="2916251"/>
            <a:ext cx="6182359" cy="266319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>
              <a:defRPr sz="2800" b="1" i="0">
                <a:solidFill>
                  <a:srgbClr val="FF0000"/>
                </a:solidFill>
                <a:latin typeface="Times New Roman"/>
                <a:cs typeface="Times New Roman"/>
              </a:defRPr>
            </a:lvl1pPr>
          </a:lstStyle>
          <a:p>
            <a:endParaRPr/>
          </a:p>
        </p:txBody>
      </p:sp>
      <p:sp>
        <p:nvSpPr>
          <p:cNvPr id="4" name="Holder 4"/>
          <p:cNvSpPr>
            <a:spLocks noGrp="1"/>
          </p:cNvSpPr>
          <p:nvPr>
            <p:ph type="ftr" sz="quarter" idx="5"/>
          </p:nvPr>
        </p:nvSpPr>
        <p:spPr>
          <a:xfrm>
            <a:off x="4145280" y="6377940"/>
            <a:ext cx="3901440" cy="3429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ct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/>
          </a:p>
        </p:txBody>
      </p:sp>
      <p:sp>
        <p:nvSpPr>
          <p:cNvPr id="5" name="Holder 5"/>
          <p:cNvSpPr>
            <a:spLocks noGrp="1"/>
          </p:cNvSpPr>
          <p:nvPr>
            <p:ph type="dt" sz="half" idx="6"/>
          </p:nvPr>
        </p:nvSpPr>
        <p:spPr>
          <a:xfrm>
            <a:off x="609600" y="6377940"/>
            <a:ext cx="2804160" cy="3429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l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D8BD707-D9CF-40AE-B4C6-C98DA3205C09}" type="datetimeFigureOut">
              <a:rPr lang="en-US"/>
              <a:t>08-04-23</a:t>
            </a:fld>
            <a:endParaRPr lang="en-US"/>
          </a:p>
        </p:txBody>
      </p:sp>
      <p:sp>
        <p:nvSpPr>
          <p:cNvPr id="6" name="Holder 6"/>
          <p:cNvSpPr>
            <a:spLocks noGrp="1"/>
          </p:cNvSpPr>
          <p:nvPr>
            <p:ph type="sldNum" sz="quarter" idx="7"/>
          </p:nvPr>
        </p:nvSpPr>
        <p:spPr>
          <a:xfrm>
            <a:off x="8778240" y="6377940"/>
            <a:ext cx="2804160" cy="342900"/>
          </a:xfrm>
          <a:prstGeom prst="rect">
            <a:avLst/>
          </a:prstGeom>
        </p:spPr>
        <p:txBody>
          <a:bodyPr wrap="square" lIns="0" tIns="0" rIns="0" bIns="0">
            <a:spAutoFit/>
          </a:bodyPr>
          <a:lstStyle>
            <a:lvl1pPr algn="r">
              <a:defRPr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6F15528-21DE-4FAA-801E-634DDDAF4B2B}" type="slidenum">
              <a:t>‹#›</a:t>
            </a:fld>
            <a:endParaRPr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</p:sldLayoutIdLst>
  <p:txStyles>
    <p:titleStyle>
      <a:lvl1pPr>
        <a:defRPr>
          <a:latin typeface="+mj-lt"/>
          <a:ea typeface="+mj-ea"/>
          <a:cs typeface="+mj-cs"/>
        </a:defRPr>
      </a:lvl1pPr>
    </p:titleStyle>
    <p:bodyStyle>
      <a:lvl1pPr marL="0">
        <a:defRPr>
          <a:latin typeface="+mn-lt"/>
          <a:ea typeface="+mn-ea"/>
          <a:cs typeface="+mn-cs"/>
        </a:defRPr>
      </a:lvl1pPr>
      <a:lvl2pPr marL="457200">
        <a:defRPr>
          <a:latin typeface="+mn-lt"/>
          <a:ea typeface="+mn-ea"/>
          <a:cs typeface="+mn-cs"/>
        </a:defRPr>
      </a:lvl2pPr>
      <a:lvl3pPr marL="914400">
        <a:defRPr>
          <a:latin typeface="+mn-lt"/>
          <a:ea typeface="+mn-ea"/>
          <a:cs typeface="+mn-cs"/>
        </a:defRPr>
      </a:lvl3pPr>
      <a:lvl4pPr marL="1371600">
        <a:defRPr>
          <a:latin typeface="+mn-lt"/>
          <a:ea typeface="+mn-ea"/>
          <a:cs typeface="+mn-cs"/>
        </a:defRPr>
      </a:lvl4pPr>
      <a:lvl5pPr marL="1828800">
        <a:defRPr>
          <a:latin typeface="+mn-lt"/>
          <a:ea typeface="+mn-ea"/>
          <a:cs typeface="+mn-cs"/>
        </a:defRPr>
      </a:lvl5pPr>
      <a:lvl6pPr marL="2286000">
        <a:defRPr>
          <a:latin typeface="+mn-lt"/>
          <a:ea typeface="+mn-ea"/>
          <a:cs typeface="+mn-cs"/>
        </a:defRPr>
      </a:lvl6pPr>
      <a:lvl7pPr marL="2743200">
        <a:defRPr>
          <a:latin typeface="+mn-lt"/>
          <a:ea typeface="+mn-ea"/>
          <a:cs typeface="+mn-cs"/>
        </a:defRPr>
      </a:lvl7pPr>
      <a:lvl8pPr marL="3200400">
        <a:defRPr>
          <a:latin typeface="+mn-lt"/>
          <a:ea typeface="+mn-ea"/>
          <a:cs typeface="+mn-cs"/>
        </a:defRPr>
      </a:lvl8pPr>
      <a:lvl9pPr marL="3657600">
        <a:defRPr>
          <a:latin typeface="+mn-lt"/>
          <a:ea typeface="+mn-ea"/>
          <a:cs typeface="+mn-cs"/>
        </a:defRPr>
      </a:lvl9pPr>
    </p:bodyStyle>
    <p:otherStyle>
      <a:lvl1pPr marL="0">
        <a:defRPr>
          <a:latin typeface="+mn-lt"/>
          <a:ea typeface="+mn-ea"/>
          <a:cs typeface="+mn-cs"/>
        </a:defRPr>
      </a:lvl1pPr>
      <a:lvl2pPr marL="457200">
        <a:defRPr>
          <a:latin typeface="+mn-lt"/>
          <a:ea typeface="+mn-ea"/>
          <a:cs typeface="+mn-cs"/>
        </a:defRPr>
      </a:lvl2pPr>
      <a:lvl3pPr marL="914400">
        <a:defRPr>
          <a:latin typeface="+mn-lt"/>
          <a:ea typeface="+mn-ea"/>
          <a:cs typeface="+mn-cs"/>
        </a:defRPr>
      </a:lvl3pPr>
      <a:lvl4pPr marL="1371600">
        <a:defRPr>
          <a:latin typeface="+mn-lt"/>
          <a:ea typeface="+mn-ea"/>
          <a:cs typeface="+mn-cs"/>
        </a:defRPr>
      </a:lvl4pPr>
      <a:lvl5pPr marL="1828800">
        <a:defRPr>
          <a:latin typeface="+mn-lt"/>
          <a:ea typeface="+mn-ea"/>
          <a:cs typeface="+mn-cs"/>
        </a:defRPr>
      </a:lvl5pPr>
      <a:lvl6pPr marL="2286000">
        <a:defRPr>
          <a:latin typeface="+mn-lt"/>
          <a:ea typeface="+mn-ea"/>
          <a:cs typeface="+mn-cs"/>
        </a:defRPr>
      </a:lvl6pPr>
      <a:lvl7pPr marL="2743200">
        <a:defRPr>
          <a:latin typeface="+mn-lt"/>
          <a:ea typeface="+mn-ea"/>
          <a:cs typeface="+mn-cs"/>
        </a:defRPr>
      </a:lvl7pPr>
      <a:lvl8pPr marL="3200400">
        <a:defRPr>
          <a:latin typeface="+mn-lt"/>
          <a:ea typeface="+mn-ea"/>
          <a:cs typeface="+mn-cs"/>
        </a:defRPr>
      </a:lvl8pPr>
      <a:lvl9pPr marL="3657600">
        <a:defRPr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mailto:legiang8384@gmail.com" TargetMode="External"/><Relationship Id="rId2" Type="http://schemas.openxmlformats.org/officeDocument/2006/relationships/image" Target="../media/image5.jp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jpeg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jpg"/><Relationship Id="rId1" Type="http://schemas.openxmlformats.org/officeDocument/2006/relationships/slideLayout" Target="../slideLayouts/slideLayout5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16.jpg"/><Relationship Id="rId1" Type="http://schemas.openxmlformats.org/officeDocument/2006/relationships/slideLayout" Target="../slideLayouts/slideLayout5.xml"/><Relationship Id="rId4" Type="http://schemas.openxmlformats.org/officeDocument/2006/relationships/image" Target="../media/image18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9.jpg"/><Relationship Id="rId1" Type="http://schemas.openxmlformats.org/officeDocument/2006/relationships/slideLayout" Target="../slideLayouts/slideLayout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20.jpg"/><Relationship Id="rId1" Type="http://schemas.openxmlformats.org/officeDocument/2006/relationships/slideLayout" Target="../slideLayouts/slideLayout1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jpg"/><Relationship Id="rId1" Type="http://schemas.openxmlformats.org/officeDocument/2006/relationships/slideLayout" Target="../slideLayouts/slideLayout5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1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jpg"/><Relationship Id="rId1" Type="http://schemas.openxmlformats.org/officeDocument/2006/relationships/slideLayout" Target="../slideLayouts/slideLayout5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24.jpg"/><Relationship Id="rId1" Type="http://schemas.openxmlformats.org/officeDocument/2006/relationships/slideLayout" Target="../slideLayouts/slideLayout1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25.jpg"/><Relationship Id="rId1" Type="http://schemas.openxmlformats.org/officeDocument/2006/relationships/slideLayout" Target="../slideLayouts/slideLayout1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jpg"/><Relationship Id="rId1" Type="http://schemas.openxmlformats.org/officeDocument/2006/relationships/slideLayout" Target="../slideLayouts/slideLayout5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jpg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5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jpg"/><Relationship Id="rId1" Type="http://schemas.openxmlformats.org/officeDocument/2006/relationships/slideLayout" Target="../slideLayouts/slideLayout4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jpg"/><Relationship Id="rId1" Type="http://schemas.openxmlformats.org/officeDocument/2006/relationships/slideLayout" Target="../slideLayouts/slideLayout5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jpg"/><Relationship Id="rId1" Type="http://schemas.openxmlformats.org/officeDocument/2006/relationships/slideLayout" Target="../slideLayouts/slideLayout5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jpg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image" Target="../media/image32.png"/><Relationship Id="rId7" Type="http://schemas.openxmlformats.org/officeDocument/2006/relationships/image" Target="../media/image36.png"/><Relationship Id="rId2" Type="http://schemas.openxmlformats.org/officeDocument/2006/relationships/image" Target="../media/image31.jp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35.png"/><Relationship Id="rId11" Type="http://schemas.openxmlformats.org/officeDocument/2006/relationships/image" Target="../media/image40.png"/><Relationship Id="rId5" Type="http://schemas.openxmlformats.org/officeDocument/2006/relationships/image" Target="../media/image34.png"/><Relationship Id="rId10" Type="http://schemas.openxmlformats.org/officeDocument/2006/relationships/image" Target="../media/image39.png"/><Relationship Id="rId4" Type="http://schemas.openxmlformats.org/officeDocument/2006/relationships/image" Target="../media/image33.png"/><Relationship Id="rId9" Type="http://schemas.openxmlformats.org/officeDocument/2006/relationships/image" Target="../media/image38.png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3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jp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2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jpg"/><Relationship Id="rId1" Type="http://schemas.openxmlformats.org/officeDocument/2006/relationships/slideLayout" Target="../slideLayouts/slideLayout5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4.jpg"/><Relationship Id="rId1" Type="http://schemas.openxmlformats.org/officeDocument/2006/relationships/slideLayout" Target="../slideLayouts/slideLayout1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6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228600" y="268224"/>
            <a:ext cx="11734800" cy="6361430"/>
          </a:xfrm>
          <a:custGeom>
            <a:avLst/>
            <a:gdLst/>
            <a:ahLst/>
            <a:cxnLst/>
            <a:rect l="l" t="t" r="r" b="b"/>
            <a:pathLst>
              <a:path w="11734800" h="6361430">
                <a:moveTo>
                  <a:pt x="10674604" y="0"/>
                </a:moveTo>
                <a:lnTo>
                  <a:pt x="1060196" y="0"/>
                </a:lnTo>
                <a:lnTo>
                  <a:pt x="1011666" y="1091"/>
                </a:lnTo>
                <a:lnTo>
                  <a:pt x="963697" y="4333"/>
                </a:lnTo>
                <a:lnTo>
                  <a:pt x="916335" y="9679"/>
                </a:lnTo>
                <a:lnTo>
                  <a:pt x="869626" y="17083"/>
                </a:lnTo>
                <a:lnTo>
                  <a:pt x="823618" y="26497"/>
                </a:lnTo>
                <a:lnTo>
                  <a:pt x="778357" y="37875"/>
                </a:lnTo>
                <a:lnTo>
                  <a:pt x="733889" y="51170"/>
                </a:lnTo>
                <a:lnTo>
                  <a:pt x="690263" y="66335"/>
                </a:lnTo>
                <a:lnTo>
                  <a:pt x="647523" y="83323"/>
                </a:lnTo>
                <a:lnTo>
                  <a:pt x="605718" y="102088"/>
                </a:lnTo>
                <a:lnTo>
                  <a:pt x="564894" y="122583"/>
                </a:lnTo>
                <a:lnTo>
                  <a:pt x="525098" y="144761"/>
                </a:lnTo>
                <a:lnTo>
                  <a:pt x="486377" y="168574"/>
                </a:lnTo>
                <a:lnTo>
                  <a:pt x="448777" y="193977"/>
                </a:lnTo>
                <a:lnTo>
                  <a:pt x="412345" y="220923"/>
                </a:lnTo>
                <a:lnTo>
                  <a:pt x="377129" y="249364"/>
                </a:lnTo>
                <a:lnTo>
                  <a:pt x="343174" y="279254"/>
                </a:lnTo>
                <a:lnTo>
                  <a:pt x="310527" y="310546"/>
                </a:lnTo>
                <a:lnTo>
                  <a:pt x="279236" y="343194"/>
                </a:lnTo>
                <a:lnTo>
                  <a:pt x="249347" y="377149"/>
                </a:lnTo>
                <a:lnTo>
                  <a:pt x="220907" y="412367"/>
                </a:lnTo>
                <a:lnTo>
                  <a:pt x="193963" y="448799"/>
                </a:lnTo>
                <a:lnTo>
                  <a:pt x="168562" y="486399"/>
                </a:lnTo>
                <a:lnTo>
                  <a:pt x="144749" y="525121"/>
                </a:lnTo>
                <a:lnTo>
                  <a:pt x="122573" y="564917"/>
                </a:lnTo>
                <a:lnTo>
                  <a:pt x="102080" y="605740"/>
                </a:lnTo>
                <a:lnTo>
                  <a:pt x="83316" y="647545"/>
                </a:lnTo>
                <a:lnTo>
                  <a:pt x="66329" y="690283"/>
                </a:lnTo>
                <a:lnTo>
                  <a:pt x="51165" y="733908"/>
                </a:lnTo>
                <a:lnTo>
                  <a:pt x="37871" y="778374"/>
                </a:lnTo>
                <a:lnTo>
                  <a:pt x="26494" y="823634"/>
                </a:lnTo>
                <a:lnTo>
                  <a:pt x="17081" y="869640"/>
                </a:lnTo>
                <a:lnTo>
                  <a:pt x="9678" y="916346"/>
                </a:lnTo>
                <a:lnTo>
                  <a:pt x="4332" y="963705"/>
                </a:lnTo>
                <a:lnTo>
                  <a:pt x="1090" y="1011670"/>
                </a:lnTo>
                <a:lnTo>
                  <a:pt x="0" y="1060196"/>
                </a:lnTo>
                <a:lnTo>
                  <a:pt x="0" y="5300980"/>
                </a:lnTo>
                <a:lnTo>
                  <a:pt x="1090" y="5349509"/>
                </a:lnTo>
                <a:lnTo>
                  <a:pt x="4332" y="5397478"/>
                </a:lnTo>
                <a:lnTo>
                  <a:pt x="9678" y="5444840"/>
                </a:lnTo>
                <a:lnTo>
                  <a:pt x="17081" y="5491549"/>
                </a:lnTo>
                <a:lnTo>
                  <a:pt x="26494" y="5537557"/>
                </a:lnTo>
                <a:lnTo>
                  <a:pt x="37871" y="5582818"/>
                </a:lnTo>
                <a:lnTo>
                  <a:pt x="51165" y="5627286"/>
                </a:lnTo>
                <a:lnTo>
                  <a:pt x="66329" y="5670912"/>
                </a:lnTo>
                <a:lnTo>
                  <a:pt x="83316" y="5713652"/>
                </a:lnTo>
                <a:lnTo>
                  <a:pt x="102080" y="5755457"/>
                </a:lnTo>
                <a:lnTo>
                  <a:pt x="122573" y="5796281"/>
                </a:lnTo>
                <a:lnTo>
                  <a:pt x="144749" y="5836077"/>
                </a:lnTo>
                <a:lnTo>
                  <a:pt x="168562" y="5874798"/>
                </a:lnTo>
                <a:lnTo>
                  <a:pt x="193963" y="5912398"/>
                </a:lnTo>
                <a:lnTo>
                  <a:pt x="220907" y="5948830"/>
                </a:lnTo>
                <a:lnTo>
                  <a:pt x="249347" y="5984046"/>
                </a:lnTo>
                <a:lnTo>
                  <a:pt x="279236" y="6018001"/>
                </a:lnTo>
                <a:lnTo>
                  <a:pt x="310527" y="6050648"/>
                </a:lnTo>
                <a:lnTo>
                  <a:pt x="343174" y="6081939"/>
                </a:lnTo>
                <a:lnTo>
                  <a:pt x="377129" y="6111828"/>
                </a:lnTo>
                <a:lnTo>
                  <a:pt x="412345" y="6140268"/>
                </a:lnTo>
                <a:lnTo>
                  <a:pt x="448777" y="6167212"/>
                </a:lnTo>
                <a:lnTo>
                  <a:pt x="486377" y="6192613"/>
                </a:lnTo>
                <a:lnTo>
                  <a:pt x="525098" y="6216426"/>
                </a:lnTo>
                <a:lnTo>
                  <a:pt x="564894" y="6238602"/>
                </a:lnTo>
                <a:lnTo>
                  <a:pt x="605718" y="6259095"/>
                </a:lnTo>
                <a:lnTo>
                  <a:pt x="647523" y="6277859"/>
                </a:lnTo>
                <a:lnTo>
                  <a:pt x="690263" y="6294846"/>
                </a:lnTo>
                <a:lnTo>
                  <a:pt x="733889" y="6310010"/>
                </a:lnTo>
                <a:lnTo>
                  <a:pt x="778357" y="6323304"/>
                </a:lnTo>
                <a:lnTo>
                  <a:pt x="823618" y="6334681"/>
                </a:lnTo>
                <a:lnTo>
                  <a:pt x="869626" y="6344094"/>
                </a:lnTo>
                <a:lnTo>
                  <a:pt x="916335" y="6351497"/>
                </a:lnTo>
                <a:lnTo>
                  <a:pt x="963697" y="6356843"/>
                </a:lnTo>
                <a:lnTo>
                  <a:pt x="1011666" y="6360085"/>
                </a:lnTo>
                <a:lnTo>
                  <a:pt x="1060196" y="6361176"/>
                </a:lnTo>
                <a:lnTo>
                  <a:pt x="10674604" y="6361176"/>
                </a:lnTo>
                <a:lnTo>
                  <a:pt x="10723129" y="6360085"/>
                </a:lnTo>
                <a:lnTo>
                  <a:pt x="10771094" y="6356843"/>
                </a:lnTo>
                <a:lnTo>
                  <a:pt x="10818453" y="6351497"/>
                </a:lnTo>
                <a:lnTo>
                  <a:pt x="10865159" y="6344094"/>
                </a:lnTo>
                <a:lnTo>
                  <a:pt x="10911165" y="6334681"/>
                </a:lnTo>
                <a:lnTo>
                  <a:pt x="10956425" y="6323304"/>
                </a:lnTo>
                <a:lnTo>
                  <a:pt x="11000891" y="6310010"/>
                </a:lnTo>
                <a:lnTo>
                  <a:pt x="11044516" y="6294846"/>
                </a:lnTo>
                <a:lnTo>
                  <a:pt x="11087254" y="6277859"/>
                </a:lnTo>
                <a:lnTo>
                  <a:pt x="11129059" y="6259095"/>
                </a:lnTo>
                <a:lnTo>
                  <a:pt x="11169882" y="6238602"/>
                </a:lnTo>
                <a:lnTo>
                  <a:pt x="11209678" y="6216426"/>
                </a:lnTo>
                <a:lnTo>
                  <a:pt x="11248400" y="6192613"/>
                </a:lnTo>
                <a:lnTo>
                  <a:pt x="11286000" y="6167212"/>
                </a:lnTo>
                <a:lnTo>
                  <a:pt x="11322432" y="6140268"/>
                </a:lnTo>
                <a:lnTo>
                  <a:pt x="11357650" y="6111828"/>
                </a:lnTo>
                <a:lnTo>
                  <a:pt x="11391605" y="6081939"/>
                </a:lnTo>
                <a:lnTo>
                  <a:pt x="11424253" y="6050648"/>
                </a:lnTo>
                <a:lnTo>
                  <a:pt x="11455545" y="6018001"/>
                </a:lnTo>
                <a:lnTo>
                  <a:pt x="11485435" y="5984046"/>
                </a:lnTo>
                <a:lnTo>
                  <a:pt x="11513876" y="5948830"/>
                </a:lnTo>
                <a:lnTo>
                  <a:pt x="11540822" y="5912398"/>
                </a:lnTo>
                <a:lnTo>
                  <a:pt x="11566225" y="5874798"/>
                </a:lnTo>
                <a:lnTo>
                  <a:pt x="11590038" y="5836077"/>
                </a:lnTo>
                <a:lnTo>
                  <a:pt x="11612216" y="5796281"/>
                </a:lnTo>
                <a:lnTo>
                  <a:pt x="11632711" y="5755457"/>
                </a:lnTo>
                <a:lnTo>
                  <a:pt x="11651476" y="5713652"/>
                </a:lnTo>
                <a:lnTo>
                  <a:pt x="11668464" y="5670912"/>
                </a:lnTo>
                <a:lnTo>
                  <a:pt x="11683629" y="5627286"/>
                </a:lnTo>
                <a:lnTo>
                  <a:pt x="11696924" y="5582818"/>
                </a:lnTo>
                <a:lnTo>
                  <a:pt x="11708302" y="5537557"/>
                </a:lnTo>
                <a:lnTo>
                  <a:pt x="11717716" y="5491549"/>
                </a:lnTo>
                <a:lnTo>
                  <a:pt x="11725120" y="5444840"/>
                </a:lnTo>
                <a:lnTo>
                  <a:pt x="11730466" y="5397478"/>
                </a:lnTo>
                <a:lnTo>
                  <a:pt x="11733708" y="5349509"/>
                </a:lnTo>
                <a:lnTo>
                  <a:pt x="11734800" y="5300980"/>
                </a:lnTo>
                <a:lnTo>
                  <a:pt x="11734800" y="1060196"/>
                </a:lnTo>
                <a:lnTo>
                  <a:pt x="11733708" y="1011670"/>
                </a:lnTo>
                <a:lnTo>
                  <a:pt x="11730466" y="963705"/>
                </a:lnTo>
                <a:lnTo>
                  <a:pt x="11725120" y="916346"/>
                </a:lnTo>
                <a:lnTo>
                  <a:pt x="11717716" y="869640"/>
                </a:lnTo>
                <a:lnTo>
                  <a:pt x="11708302" y="823634"/>
                </a:lnTo>
                <a:lnTo>
                  <a:pt x="11696924" y="778374"/>
                </a:lnTo>
                <a:lnTo>
                  <a:pt x="11683629" y="733908"/>
                </a:lnTo>
                <a:lnTo>
                  <a:pt x="11668464" y="690283"/>
                </a:lnTo>
                <a:lnTo>
                  <a:pt x="11651476" y="647545"/>
                </a:lnTo>
                <a:lnTo>
                  <a:pt x="11632711" y="605740"/>
                </a:lnTo>
                <a:lnTo>
                  <a:pt x="11612216" y="564917"/>
                </a:lnTo>
                <a:lnTo>
                  <a:pt x="11590038" y="525121"/>
                </a:lnTo>
                <a:lnTo>
                  <a:pt x="11566225" y="486399"/>
                </a:lnTo>
                <a:lnTo>
                  <a:pt x="11540822" y="448799"/>
                </a:lnTo>
                <a:lnTo>
                  <a:pt x="11513876" y="412367"/>
                </a:lnTo>
                <a:lnTo>
                  <a:pt x="11485435" y="377149"/>
                </a:lnTo>
                <a:lnTo>
                  <a:pt x="11455545" y="343194"/>
                </a:lnTo>
                <a:lnTo>
                  <a:pt x="11424253" y="310546"/>
                </a:lnTo>
                <a:lnTo>
                  <a:pt x="11391605" y="279254"/>
                </a:lnTo>
                <a:lnTo>
                  <a:pt x="11357650" y="249364"/>
                </a:lnTo>
                <a:lnTo>
                  <a:pt x="11322432" y="220923"/>
                </a:lnTo>
                <a:lnTo>
                  <a:pt x="11286000" y="193977"/>
                </a:lnTo>
                <a:lnTo>
                  <a:pt x="11248400" y="168574"/>
                </a:lnTo>
                <a:lnTo>
                  <a:pt x="11209678" y="144761"/>
                </a:lnTo>
                <a:lnTo>
                  <a:pt x="11169882" y="122583"/>
                </a:lnTo>
                <a:lnTo>
                  <a:pt x="11129059" y="102088"/>
                </a:lnTo>
                <a:lnTo>
                  <a:pt x="11087254" y="83323"/>
                </a:lnTo>
                <a:lnTo>
                  <a:pt x="11044516" y="66335"/>
                </a:lnTo>
                <a:lnTo>
                  <a:pt x="11000891" y="51170"/>
                </a:lnTo>
                <a:lnTo>
                  <a:pt x="10956425" y="37875"/>
                </a:lnTo>
                <a:lnTo>
                  <a:pt x="10911165" y="26497"/>
                </a:lnTo>
                <a:lnTo>
                  <a:pt x="10865159" y="17083"/>
                </a:lnTo>
                <a:lnTo>
                  <a:pt x="10818453" y="9679"/>
                </a:lnTo>
                <a:lnTo>
                  <a:pt x="10771094" y="4333"/>
                </a:lnTo>
                <a:lnTo>
                  <a:pt x="10723129" y="1091"/>
                </a:lnTo>
                <a:lnTo>
                  <a:pt x="10674604" y="0"/>
                </a:lnTo>
                <a:close/>
              </a:path>
            </a:pathLst>
          </a:custGeom>
          <a:solidFill>
            <a:srgbClr val="A4A4A4">
              <a:alpha val="50195"/>
            </a:srgbClr>
          </a:solid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4" name="object 4"/>
          <p:cNvSpPr txBox="1"/>
          <p:nvPr/>
        </p:nvSpPr>
        <p:spPr>
          <a:xfrm>
            <a:off x="5029200" y="6548425"/>
            <a:ext cx="2133600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spc="-5" dirty="0">
                <a:latin typeface="Times New Roman"/>
                <a:cs typeface="Times New Roman"/>
              </a:rPr>
              <a:t>Năm học: </a:t>
            </a:r>
            <a:r>
              <a:rPr sz="1800" b="1" dirty="0">
                <a:latin typeface="Times New Roman"/>
                <a:cs typeface="Times New Roman"/>
              </a:rPr>
              <a:t>202</a:t>
            </a:r>
            <a:r>
              <a:rPr lang="en-US" sz="1800" b="1" dirty="0">
                <a:latin typeface="Times New Roman"/>
                <a:cs typeface="Times New Roman"/>
              </a:rPr>
              <a:t>2</a:t>
            </a:r>
            <a:r>
              <a:rPr sz="1800" b="1" dirty="0">
                <a:latin typeface="Times New Roman"/>
                <a:cs typeface="Times New Roman"/>
              </a:rPr>
              <a:t> -</a:t>
            </a:r>
            <a:r>
              <a:rPr sz="1800" b="1" spc="-90" dirty="0">
                <a:latin typeface="Times New Roman"/>
                <a:cs typeface="Times New Roman"/>
              </a:rPr>
              <a:t> </a:t>
            </a:r>
            <a:r>
              <a:rPr sz="1800" b="1" dirty="0">
                <a:latin typeface="Times New Roman"/>
                <a:cs typeface="Times New Roman"/>
              </a:rPr>
              <a:t>202</a:t>
            </a:r>
            <a:r>
              <a:rPr lang="en-US" sz="1800" b="1" dirty="0">
                <a:latin typeface="Times New Roman"/>
                <a:cs typeface="Times New Roman"/>
              </a:rPr>
              <a:t>3</a:t>
            </a:r>
            <a:endParaRPr sz="1800" dirty="0">
              <a:latin typeface="Times New Roman"/>
              <a:cs typeface="Times New Roman"/>
            </a:endParaRPr>
          </a:p>
        </p:txBody>
      </p:sp>
      <p:sp>
        <p:nvSpPr>
          <p:cNvPr id="12" name="object 12"/>
          <p:cNvSpPr txBox="1">
            <a:spLocks noGrp="1"/>
          </p:cNvSpPr>
          <p:nvPr>
            <p:ph type="body" idx="1"/>
          </p:nvPr>
        </p:nvSpPr>
        <p:spPr>
          <a:xfrm>
            <a:off x="3004820" y="2916251"/>
            <a:ext cx="6182359" cy="2239074"/>
          </a:xfrm>
          <a:prstGeom prst="rect">
            <a:avLst/>
          </a:prstGeom>
        </p:spPr>
        <p:txBody>
          <a:bodyPr vert="horz" wrap="square" lIns="0" tIns="4572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360"/>
              </a:spcBef>
            </a:pPr>
            <a:r>
              <a:rPr spc="-5" dirty="0"/>
              <a:t>LĨNH </a:t>
            </a:r>
            <a:r>
              <a:rPr spc="-10" dirty="0"/>
              <a:t>VỰC PHÁT </a:t>
            </a:r>
            <a:r>
              <a:rPr spc="-5" dirty="0"/>
              <a:t>TRIỂN </a:t>
            </a:r>
            <a:r>
              <a:rPr spc="-10" dirty="0"/>
              <a:t>NGÔN</a:t>
            </a:r>
            <a:r>
              <a:rPr spc="-125" dirty="0"/>
              <a:t> </a:t>
            </a:r>
            <a:r>
              <a:rPr spc="-10" dirty="0"/>
              <a:t>NGỮ</a:t>
            </a:r>
          </a:p>
          <a:p>
            <a:pPr marL="375920" algn="ctr">
              <a:lnSpc>
                <a:spcPct val="100000"/>
              </a:lnSpc>
              <a:spcBef>
                <a:spcPts val="225"/>
              </a:spcBef>
            </a:pPr>
            <a:r>
              <a:rPr sz="2400" spc="-5" dirty="0">
                <a:solidFill>
                  <a:srgbClr val="0000CC"/>
                </a:solidFill>
              </a:rPr>
              <a:t>LÀM </a:t>
            </a:r>
            <a:r>
              <a:rPr sz="2400" dirty="0">
                <a:solidFill>
                  <a:srgbClr val="0000CC"/>
                </a:solidFill>
              </a:rPr>
              <a:t>QUEN </a:t>
            </a:r>
            <a:r>
              <a:rPr sz="2400" spc="-5" dirty="0">
                <a:solidFill>
                  <a:srgbClr val="0000CC"/>
                </a:solidFill>
              </a:rPr>
              <a:t>VĂN</a:t>
            </a:r>
            <a:r>
              <a:rPr sz="2400" spc="-25" dirty="0">
                <a:solidFill>
                  <a:srgbClr val="0000CC"/>
                </a:solidFill>
              </a:rPr>
              <a:t> </a:t>
            </a:r>
            <a:r>
              <a:rPr sz="2400" dirty="0">
                <a:solidFill>
                  <a:srgbClr val="0000CC"/>
                </a:solidFill>
              </a:rPr>
              <a:t>HỌC</a:t>
            </a:r>
            <a:endParaRPr sz="2400" dirty="0"/>
          </a:p>
          <a:p>
            <a:pPr marL="260985" algn="ctr">
              <a:lnSpc>
                <a:spcPct val="100000"/>
              </a:lnSpc>
              <a:spcBef>
                <a:spcPts val="114"/>
              </a:spcBef>
            </a:pPr>
            <a:r>
              <a:rPr sz="3200" spc="-35" dirty="0">
                <a:solidFill>
                  <a:srgbClr val="000000"/>
                </a:solidFill>
              </a:rPr>
              <a:t>Truyện: </a:t>
            </a:r>
            <a:r>
              <a:rPr sz="3200" dirty="0">
                <a:solidFill>
                  <a:srgbClr val="000000"/>
                </a:solidFill>
              </a:rPr>
              <a:t>Hồ </a:t>
            </a:r>
            <a:r>
              <a:rPr sz="3200" spc="-5" dirty="0">
                <a:solidFill>
                  <a:srgbClr val="000000"/>
                </a:solidFill>
              </a:rPr>
              <a:t>nước </a:t>
            </a:r>
            <a:r>
              <a:rPr sz="3200" spc="5" dirty="0">
                <a:solidFill>
                  <a:srgbClr val="000000"/>
                </a:solidFill>
              </a:rPr>
              <a:t>và</a:t>
            </a:r>
            <a:r>
              <a:rPr sz="3200" spc="-10" dirty="0">
                <a:solidFill>
                  <a:srgbClr val="000000"/>
                </a:solidFill>
              </a:rPr>
              <a:t> </a:t>
            </a:r>
            <a:r>
              <a:rPr sz="3200" dirty="0">
                <a:solidFill>
                  <a:srgbClr val="000000"/>
                </a:solidFill>
              </a:rPr>
              <a:t>mây</a:t>
            </a:r>
            <a:endParaRPr sz="3200" dirty="0"/>
          </a:p>
          <a:p>
            <a:pPr marL="259715" algn="ctr">
              <a:lnSpc>
                <a:spcPct val="100000"/>
              </a:lnSpc>
              <a:spcBef>
                <a:spcPts val="5"/>
              </a:spcBef>
            </a:pPr>
            <a:r>
              <a:rPr spc="-5" dirty="0">
                <a:solidFill>
                  <a:srgbClr val="000000"/>
                </a:solidFill>
              </a:rPr>
              <a:t>Giáo viên: </a:t>
            </a:r>
            <a:r>
              <a:rPr lang="en-US" spc="-5" dirty="0" err="1">
                <a:solidFill>
                  <a:srgbClr val="000000"/>
                </a:solidFill>
              </a:rPr>
              <a:t>Nguyễn</a:t>
            </a:r>
            <a:r>
              <a:rPr lang="en-US" spc="-5" dirty="0">
                <a:solidFill>
                  <a:srgbClr val="000000"/>
                </a:solidFill>
              </a:rPr>
              <a:t> Thu </a:t>
            </a:r>
            <a:r>
              <a:rPr lang="en-US" spc="-5" dirty="0" err="1">
                <a:solidFill>
                  <a:srgbClr val="000000"/>
                </a:solidFill>
              </a:rPr>
              <a:t>Hà</a:t>
            </a:r>
            <a:endParaRPr spc="-5" dirty="0">
              <a:solidFill>
                <a:srgbClr val="000000"/>
              </a:solidFill>
            </a:endParaRPr>
          </a:p>
          <a:p>
            <a:pPr marL="781685" marR="511809" algn="ctr">
              <a:lnSpc>
                <a:spcPct val="100000"/>
              </a:lnSpc>
            </a:pPr>
            <a:r>
              <a:rPr spc="-5" dirty="0">
                <a:solidFill>
                  <a:srgbClr val="000000"/>
                </a:solidFill>
              </a:rPr>
              <a:t>Lứa </a:t>
            </a:r>
            <a:r>
              <a:rPr dirty="0">
                <a:solidFill>
                  <a:srgbClr val="000000"/>
                </a:solidFill>
              </a:rPr>
              <a:t>tuổi: </a:t>
            </a:r>
            <a:r>
              <a:rPr spc="-5" dirty="0">
                <a:solidFill>
                  <a:srgbClr val="000000"/>
                </a:solidFill>
              </a:rPr>
              <a:t>MGN ( 4 – 5 </a:t>
            </a:r>
            <a:r>
              <a:rPr spc="-10">
                <a:solidFill>
                  <a:srgbClr val="000000"/>
                </a:solidFill>
              </a:rPr>
              <a:t>TUỔI)</a:t>
            </a:r>
            <a:endParaRPr u="heavy" spc="-5" dirty="0">
              <a:solidFill>
                <a:srgbClr val="0462C1"/>
              </a:solidFill>
              <a:uFill>
                <a:solidFill>
                  <a:srgbClr val="0462C1"/>
                </a:solidFill>
              </a:uFill>
              <a:hlinkClick r:id="rId3"/>
            </a:endParaRPr>
          </a:p>
        </p:txBody>
      </p:sp>
      <p:sp>
        <p:nvSpPr>
          <p:cNvPr id="13" name="object 13"/>
          <p:cNvSpPr txBox="1"/>
          <p:nvPr/>
        </p:nvSpPr>
        <p:spPr>
          <a:xfrm>
            <a:off x="2438400" y="268224"/>
            <a:ext cx="6934199" cy="885825"/>
          </a:xfrm>
          <a:prstGeom prst="rect">
            <a:avLst/>
          </a:prstGeom>
        </p:spPr>
        <p:txBody>
          <a:bodyPr vert="horz" wrap="square" lIns="0" tIns="9906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780"/>
              </a:spcBef>
            </a:pPr>
            <a:r>
              <a:rPr sz="2000" b="1" spc="-5" dirty="0">
                <a:solidFill>
                  <a:srgbClr val="FF0000"/>
                </a:solidFill>
                <a:latin typeface="Carlito"/>
                <a:cs typeface="Carlito"/>
              </a:rPr>
              <a:t>PHÒNG </a:t>
            </a:r>
            <a:r>
              <a:rPr sz="2000" b="1" spc="-10" dirty="0">
                <a:solidFill>
                  <a:srgbClr val="FF0000"/>
                </a:solidFill>
                <a:latin typeface="Carlito"/>
                <a:cs typeface="Carlito"/>
              </a:rPr>
              <a:t>GIÁO </a:t>
            </a:r>
            <a:r>
              <a:rPr sz="2000" b="1" spc="-5" dirty="0">
                <a:solidFill>
                  <a:srgbClr val="FF0000"/>
                </a:solidFill>
                <a:latin typeface="Carlito"/>
                <a:cs typeface="Carlito"/>
              </a:rPr>
              <a:t>DỤC </a:t>
            </a:r>
            <a:r>
              <a:rPr sz="2000" b="1" spc="-55" dirty="0">
                <a:solidFill>
                  <a:srgbClr val="FF0000"/>
                </a:solidFill>
                <a:latin typeface="Carlito"/>
                <a:cs typeface="Carlito"/>
              </a:rPr>
              <a:t>VÀ </a:t>
            </a:r>
            <a:r>
              <a:rPr sz="2000" b="1" spc="-25" dirty="0">
                <a:solidFill>
                  <a:srgbClr val="FF0000"/>
                </a:solidFill>
                <a:latin typeface="Carlito"/>
                <a:cs typeface="Carlito"/>
              </a:rPr>
              <a:t>ĐÀO </a:t>
            </a:r>
            <a:r>
              <a:rPr sz="2000" b="1" spc="-60" dirty="0">
                <a:solidFill>
                  <a:srgbClr val="FF0000"/>
                </a:solidFill>
                <a:latin typeface="Carlito"/>
                <a:cs typeface="Carlito"/>
              </a:rPr>
              <a:t>TẠO </a:t>
            </a:r>
            <a:r>
              <a:rPr sz="2000" b="1" spc="-10" dirty="0">
                <a:solidFill>
                  <a:srgbClr val="FF0000"/>
                </a:solidFill>
                <a:latin typeface="Carlito"/>
                <a:cs typeface="Carlito"/>
              </a:rPr>
              <a:t>QUẬN LONG </a:t>
            </a:r>
            <a:r>
              <a:rPr sz="2000" b="1" dirty="0">
                <a:solidFill>
                  <a:srgbClr val="FF0000"/>
                </a:solidFill>
                <a:latin typeface="Carlito"/>
                <a:cs typeface="Carlito"/>
              </a:rPr>
              <a:t>BIÊN</a:t>
            </a:r>
            <a:endParaRPr sz="2000" dirty="0">
              <a:latin typeface="Carlito"/>
              <a:cs typeface="Carlito"/>
            </a:endParaRPr>
          </a:p>
          <a:p>
            <a:pPr marL="579755" algn="ctr">
              <a:lnSpc>
                <a:spcPct val="100000"/>
              </a:lnSpc>
              <a:spcBef>
                <a:spcPts val="810"/>
              </a:spcBef>
            </a:pPr>
            <a:r>
              <a:rPr sz="2400" b="1" spc="-15" dirty="0">
                <a:latin typeface="Carlito"/>
                <a:cs typeface="Carlito"/>
              </a:rPr>
              <a:t>TRƯỜNG </a:t>
            </a:r>
            <a:r>
              <a:rPr sz="2400" b="1" spc="-5" dirty="0">
                <a:latin typeface="Carlito"/>
                <a:cs typeface="Carlito"/>
              </a:rPr>
              <a:t>MẦM </a:t>
            </a:r>
            <a:r>
              <a:rPr sz="2400" b="1" dirty="0">
                <a:latin typeface="Carlito"/>
                <a:cs typeface="Carlito"/>
              </a:rPr>
              <a:t>NON </a:t>
            </a:r>
            <a:r>
              <a:rPr lang="en-US" sz="2400" b="1" spc="-5" dirty="0">
                <a:latin typeface="Carlito"/>
                <a:cs typeface="Carlito"/>
              </a:rPr>
              <a:t>ÁNH SAO</a:t>
            </a:r>
            <a:endParaRPr sz="2400" dirty="0">
              <a:latin typeface="Carlito"/>
              <a:cs typeface="Carlito"/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478603" y="1359550"/>
            <a:ext cx="1234791" cy="1278748"/>
          </a:xfrm>
          <a:prstGeom prst="rect">
            <a:avLst/>
          </a:prstGeom>
        </p:spPr>
      </p:pic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2000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6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/>
          <p:nvPr/>
        </p:nvSpPr>
        <p:spPr>
          <a:xfrm>
            <a:off x="2652902" y="2855722"/>
            <a:ext cx="3227578" cy="1321181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grpSp>
        <p:nvGrpSpPr>
          <p:cNvPr id="4" name="object 4"/>
          <p:cNvGrpSpPr/>
          <p:nvPr/>
        </p:nvGrpSpPr>
        <p:grpSpPr>
          <a:xfrm>
            <a:off x="6021196" y="3183127"/>
            <a:ext cx="304800" cy="104139"/>
            <a:chOff x="6021196" y="3183127"/>
            <a:chExt cx="304800" cy="104139"/>
          </a:xfrm>
        </p:grpSpPr>
        <p:sp>
          <p:nvSpPr>
            <p:cNvPr id="5" name="object 5"/>
            <p:cNvSpPr/>
            <p:nvPr/>
          </p:nvSpPr>
          <p:spPr>
            <a:xfrm>
              <a:off x="6025768" y="3187699"/>
              <a:ext cx="295275" cy="94615"/>
            </a:xfrm>
            <a:custGeom>
              <a:avLst/>
              <a:gdLst/>
              <a:ahLst/>
              <a:cxnLst/>
              <a:rect l="l" t="t" r="r" b="b"/>
              <a:pathLst>
                <a:path w="295275" h="94614">
                  <a:moveTo>
                    <a:pt x="295147" y="0"/>
                  </a:moveTo>
                  <a:lnTo>
                    <a:pt x="0" y="58165"/>
                  </a:lnTo>
                  <a:lnTo>
                    <a:pt x="0" y="94614"/>
                  </a:lnTo>
                  <a:lnTo>
                    <a:pt x="295147" y="36449"/>
                  </a:lnTo>
                  <a:lnTo>
                    <a:pt x="295147" y="0"/>
                  </a:lnTo>
                  <a:close/>
                </a:path>
              </a:pathLst>
            </a:custGeom>
            <a:solidFill>
              <a:srgbClr val="FF3300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6" name="object 6"/>
            <p:cNvSpPr/>
            <p:nvPr/>
          </p:nvSpPr>
          <p:spPr>
            <a:xfrm>
              <a:off x="6025768" y="3187699"/>
              <a:ext cx="295275" cy="94615"/>
            </a:xfrm>
            <a:custGeom>
              <a:avLst/>
              <a:gdLst/>
              <a:ahLst/>
              <a:cxnLst/>
              <a:rect l="l" t="t" r="r" b="b"/>
              <a:pathLst>
                <a:path w="295275" h="94614">
                  <a:moveTo>
                    <a:pt x="0" y="58165"/>
                  </a:moveTo>
                  <a:lnTo>
                    <a:pt x="49211" y="48451"/>
                  </a:lnTo>
                  <a:lnTo>
                    <a:pt x="98420" y="38739"/>
                  </a:lnTo>
                  <a:lnTo>
                    <a:pt x="147621" y="29035"/>
                  </a:lnTo>
                  <a:lnTo>
                    <a:pt x="196812" y="19341"/>
                  </a:lnTo>
                  <a:lnTo>
                    <a:pt x="245989" y="9661"/>
                  </a:lnTo>
                  <a:lnTo>
                    <a:pt x="295147" y="0"/>
                  </a:lnTo>
                  <a:lnTo>
                    <a:pt x="295147" y="9124"/>
                  </a:lnTo>
                  <a:lnTo>
                    <a:pt x="295147" y="18224"/>
                  </a:lnTo>
                  <a:lnTo>
                    <a:pt x="295147" y="27324"/>
                  </a:lnTo>
                  <a:lnTo>
                    <a:pt x="295147" y="36449"/>
                  </a:lnTo>
                  <a:lnTo>
                    <a:pt x="245989" y="46155"/>
                  </a:lnTo>
                  <a:lnTo>
                    <a:pt x="196812" y="55847"/>
                  </a:lnTo>
                  <a:lnTo>
                    <a:pt x="147621" y="65531"/>
                  </a:lnTo>
                  <a:lnTo>
                    <a:pt x="98420" y="75216"/>
                  </a:lnTo>
                  <a:lnTo>
                    <a:pt x="49211" y="84908"/>
                  </a:lnTo>
                  <a:lnTo>
                    <a:pt x="0" y="94614"/>
                  </a:lnTo>
                  <a:lnTo>
                    <a:pt x="0" y="85472"/>
                  </a:lnTo>
                  <a:lnTo>
                    <a:pt x="0" y="76342"/>
                  </a:lnTo>
                  <a:lnTo>
                    <a:pt x="0" y="67236"/>
                  </a:lnTo>
                  <a:lnTo>
                    <a:pt x="0" y="58165"/>
                  </a:lnTo>
                  <a:close/>
                </a:path>
              </a:pathLst>
            </a:custGeom>
            <a:ln w="9144">
              <a:solidFill>
                <a:srgbClr val="0000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7" name="object 7"/>
          <p:cNvSpPr/>
          <p:nvPr/>
        </p:nvSpPr>
        <p:spPr>
          <a:xfrm>
            <a:off x="6462140" y="2005964"/>
            <a:ext cx="3076956" cy="1405382"/>
          </a:xfrm>
          <a:prstGeom prst="rect">
            <a:avLst/>
          </a:prstGeom>
          <a:blipFill>
            <a:blip r:embed="rId4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10668" y="0"/>
            <a:ext cx="12181331" cy="685799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9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2000" cy="685799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/>
          <p:nvPr/>
        </p:nvSpPr>
        <p:spPr>
          <a:xfrm>
            <a:off x="916939" y="1558493"/>
            <a:ext cx="10330815" cy="3684904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b="1" dirty="0">
                <a:latin typeface="Times New Roman"/>
                <a:cs typeface="Times New Roman"/>
              </a:rPr>
              <a:t>a. Kiến</a:t>
            </a:r>
            <a:r>
              <a:rPr sz="2400" b="1" spc="-30" dirty="0">
                <a:latin typeface="Times New Roman"/>
                <a:cs typeface="Times New Roman"/>
              </a:rPr>
              <a:t> </a:t>
            </a:r>
            <a:r>
              <a:rPr sz="2400" b="1" dirty="0">
                <a:latin typeface="Times New Roman"/>
                <a:cs typeface="Times New Roman"/>
              </a:rPr>
              <a:t>thức:</a:t>
            </a:r>
            <a:endParaRPr sz="2400">
              <a:latin typeface="Times New Roman"/>
              <a:cs typeface="Times New Roman"/>
            </a:endParaRPr>
          </a:p>
          <a:p>
            <a:pPr marL="12700" marR="156210">
              <a:lnSpc>
                <a:spcPct val="100000"/>
              </a:lnSpc>
              <a:spcBef>
                <a:spcPts val="5"/>
              </a:spcBef>
              <a:tabLst>
                <a:tab pos="343535" algn="l"/>
              </a:tabLst>
            </a:pPr>
            <a:r>
              <a:rPr sz="2400" b="1" dirty="0">
                <a:latin typeface="Times New Roman"/>
                <a:cs typeface="Times New Roman"/>
              </a:rPr>
              <a:t>-	Trẻ biết tên truyện “Hồ </a:t>
            </a:r>
            <a:r>
              <a:rPr sz="2400" b="1" spc="-5" dirty="0">
                <a:latin typeface="Times New Roman"/>
                <a:cs typeface="Times New Roman"/>
              </a:rPr>
              <a:t>nước </a:t>
            </a:r>
            <a:r>
              <a:rPr sz="2400" b="1" dirty="0">
                <a:latin typeface="Times New Roman"/>
                <a:cs typeface="Times New Roman"/>
              </a:rPr>
              <a:t>và Mây”, tên các </a:t>
            </a:r>
            <a:r>
              <a:rPr sz="2400" b="1" spc="-5" dirty="0">
                <a:latin typeface="Times New Roman"/>
                <a:cs typeface="Times New Roman"/>
              </a:rPr>
              <a:t>nhân </a:t>
            </a:r>
            <a:r>
              <a:rPr sz="2400" b="1" dirty="0">
                <a:latin typeface="Times New Roman"/>
                <a:cs typeface="Times New Roman"/>
              </a:rPr>
              <a:t>vật </a:t>
            </a:r>
            <a:r>
              <a:rPr sz="2400" b="1" spc="-5" dirty="0">
                <a:latin typeface="Times New Roman"/>
                <a:cs typeface="Times New Roman"/>
              </a:rPr>
              <a:t>chính </a:t>
            </a:r>
            <a:r>
              <a:rPr sz="2400" b="1" dirty="0">
                <a:latin typeface="Times New Roman"/>
                <a:cs typeface="Times New Roman"/>
              </a:rPr>
              <a:t>trong</a:t>
            </a:r>
            <a:r>
              <a:rPr sz="2400" b="1" spc="-110" dirty="0">
                <a:latin typeface="Times New Roman"/>
                <a:cs typeface="Times New Roman"/>
              </a:rPr>
              <a:t> </a:t>
            </a:r>
            <a:r>
              <a:rPr sz="2400" b="1" spc="-5" dirty="0">
                <a:latin typeface="Times New Roman"/>
                <a:cs typeface="Times New Roman"/>
              </a:rPr>
              <a:t>truyện  như: Chị </a:t>
            </a:r>
            <a:r>
              <a:rPr sz="2400" b="1" dirty="0">
                <a:latin typeface="Times New Roman"/>
                <a:cs typeface="Times New Roman"/>
              </a:rPr>
              <a:t>Mây và Hồ </a:t>
            </a:r>
            <a:r>
              <a:rPr sz="2400" b="1" spc="-5" dirty="0">
                <a:latin typeface="Times New Roman"/>
                <a:cs typeface="Times New Roman"/>
              </a:rPr>
              <a:t>nước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tabLst>
                <a:tab pos="355600" algn="l"/>
              </a:tabLst>
            </a:pPr>
            <a:r>
              <a:rPr sz="2400" dirty="0">
                <a:latin typeface="Times New Roman"/>
                <a:cs typeface="Times New Roman"/>
              </a:rPr>
              <a:t>-	</a:t>
            </a:r>
            <a:r>
              <a:rPr sz="2400" b="1" spc="-65" dirty="0">
                <a:latin typeface="Times New Roman"/>
                <a:cs typeface="Times New Roman"/>
              </a:rPr>
              <a:t>Trẻ </a:t>
            </a:r>
            <a:r>
              <a:rPr sz="2400" b="1" spc="-5" dirty="0">
                <a:latin typeface="Times New Roman"/>
                <a:cs typeface="Times New Roman"/>
              </a:rPr>
              <a:t>hiểu được nội dung </a:t>
            </a:r>
            <a:r>
              <a:rPr sz="2400" b="1" dirty="0">
                <a:latin typeface="Times New Roman"/>
                <a:cs typeface="Times New Roman"/>
              </a:rPr>
              <a:t>câu </a:t>
            </a:r>
            <a:r>
              <a:rPr sz="2400" b="1" spc="-5" dirty="0">
                <a:latin typeface="Times New Roman"/>
                <a:cs typeface="Times New Roman"/>
              </a:rPr>
              <a:t>chuyện: Trong </a:t>
            </a:r>
            <a:r>
              <a:rPr sz="2400" b="1" dirty="0">
                <a:latin typeface="Times New Roman"/>
                <a:cs typeface="Times New Roman"/>
              </a:rPr>
              <a:t>cuộc </a:t>
            </a:r>
            <a:r>
              <a:rPr sz="2400" b="1" spc="-5" dirty="0">
                <a:latin typeface="Times New Roman"/>
                <a:cs typeface="Times New Roman"/>
              </a:rPr>
              <a:t>sống </a:t>
            </a:r>
            <a:r>
              <a:rPr sz="2400" b="1" dirty="0">
                <a:latin typeface="Times New Roman"/>
                <a:cs typeface="Times New Roman"/>
              </a:rPr>
              <a:t>có </a:t>
            </a:r>
            <a:r>
              <a:rPr sz="2400" b="1" spc="-5" dirty="0">
                <a:latin typeface="Times New Roman"/>
                <a:cs typeface="Times New Roman"/>
              </a:rPr>
              <a:t>những </a:t>
            </a:r>
            <a:r>
              <a:rPr sz="2400" b="1" dirty="0">
                <a:latin typeface="Times New Roman"/>
                <a:cs typeface="Times New Roman"/>
              </a:rPr>
              <a:t>việc </a:t>
            </a:r>
            <a:r>
              <a:rPr sz="2400" b="1" spc="-5" dirty="0">
                <a:latin typeface="Times New Roman"/>
                <a:cs typeface="Times New Roman"/>
              </a:rPr>
              <a:t>phải</a:t>
            </a:r>
            <a:r>
              <a:rPr sz="2400" b="1" spc="110" dirty="0">
                <a:latin typeface="Times New Roman"/>
                <a:cs typeface="Times New Roman"/>
              </a:rPr>
              <a:t> </a:t>
            </a:r>
            <a:r>
              <a:rPr sz="2400" b="1" dirty="0">
                <a:latin typeface="Times New Roman"/>
                <a:cs typeface="Times New Roman"/>
              </a:rPr>
              <a:t>cần</a:t>
            </a:r>
            <a:endParaRPr sz="2400">
              <a:latin typeface="Times New Roman"/>
              <a:cs typeface="Times New Roman"/>
            </a:endParaRPr>
          </a:p>
          <a:p>
            <a:pPr marL="355600">
              <a:lnSpc>
                <a:spcPct val="100000"/>
              </a:lnSpc>
            </a:pPr>
            <a:r>
              <a:rPr sz="2400" b="1" dirty="0">
                <a:latin typeface="Times New Roman"/>
                <a:cs typeface="Times New Roman"/>
              </a:rPr>
              <a:t>có </a:t>
            </a:r>
            <a:r>
              <a:rPr sz="2400" b="1" spc="-5" dirty="0">
                <a:latin typeface="Times New Roman"/>
                <a:cs typeface="Times New Roman"/>
              </a:rPr>
              <a:t>sự </a:t>
            </a:r>
            <a:r>
              <a:rPr sz="2400" b="1" dirty="0">
                <a:latin typeface="Times New Roman"/>
                <a:cs typeface="Times New Roman"/>
              </a:rPr>
              <a:t>giúp </a:t>
            </a:r>
            <a:r>
              <a:rPr sz="2400" b="1" spc="-5" dirty="0">
                <a:latin typeface="Times New Roman"/>
                <a:cs typeface="Times New Roman"/>
              </a:rPr>
              <a:t>đỡ </a:t>
            </a:r>
            <a:r>
              <a:rPr sz="2400" b="1" dirty="0">
                <a:latin typeface="Times New Roman"/>
                <a:cs typeface="Times New Roman"/>
              </a:rPr>
              <a:t>lẫn </a:t>
            </a:r>
            <a:r>
              <a:rPr sz="2400" b="1" spc="-5" dirty="0">
                <a:latin typeface="Times New Roman"/>
                <a:cs typeface="Times New Roman"/>
              </a:rPr>
              <a:t>nhau </a:t>
            </a:r>
            <a:r>
              <a:rPr sz="2400" b="1" dirty="0">
                <a:latin typeface="Times New Roman"/>
                <a:cs typeface="Times New Roman"/>
              </a:rPr>
              <a:t>mới có thể </a:t>
            </a:r>
            <a:r>
              <a:rPr sz="2400" b="1" spc="-5" dirty="0">
                <a:latin typeface="Times New Roman"/>
                <a:cs typeface="Times New Roman"/>
              </a:rPr>
              <a:t>thành </a:t>
            </a:r>
            <a:r>
              <a:rPr sz="2400" b="1" dirty="0">
                <a:latin typeface="Times New Roman"/>
                <a:cs typeface="Times New Roman"/>
              </a:rPr>
              <a:t>công</a:t>
            </a:r>
            <a:r>
              <a:rPr sz="2400" b="1" spc="-35" dirty="0">
                <a:latin typeface="Times New Roman"/>
                <a:cs typeface="Times New Roman"/>
              </a:rPr>
              <a:t> </a:t>
            </a:r>
            <a:r>
              <a:rPr sz="2400" b="1" spc="-5" dirty="0">
                <a:latin typeface="Times New Roman"/>
                <a:cs typeface="Times New Roman"/>
              </a:rPr>
              <a:t>được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2400" b="1" spc="-5" dirty="0">
                <a:latin typeface="Times New Roman"/>
                <a:cs typeface="Times New Roman"/>
              </a:rPr>
              <a:t>b. </a:t>
            </a:r>
            <a:r>
              <a:rPr sz="2400" b="1" dirty="0">
                <a:latin typeface="Times New Roman"/>
                <a:cs typeface="Times New Roman"/>
              </a:rPr>
              <a:t>Kỹ</a:t>
            </a:r>
            <a:r>
              <a:rPr sz="2400" b="1" spc="-5" dirty="0">
                <a:latin typeface="Times New Roman"/>
                <a:cs typeface="Times New Roman"/>
              </a:rPr>
              <a:t> năng: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spc="-5" dirty="0">
                <a:latin typeface="Times New Roman"/>
                <a:cs typeface="Times New Roman"/>
              </a:rPr>
              <a:t>Trẻ </a:t>
            </a:r>
            <a:r>
              <a:rPr sz="2400" b="1" dirty="0">
                <a:latin typeface="Times New Roman"/>
                <a:cs typeface="Times New Roman"/>
              </a:rPr>
              <a:t>chăm </a:t>
            </a:r>
            <a:r>
              <a:rPr sz="2400" b="1" spc="-5" dirty="0">
                <a:latin typeface="Times New Roman"/>
                <a:cs typeface="Times New Roman"/>
              </a:rPr>
              <a:t>chú nghe </a:t>
            </a:r>
            <a:r>
              <a:rPr sz="2400" b="1" dirty="0">
                <a:latin typeface="Times New Roman"/>
                <a:cs typeface="Times New Roman"/>
              </a:rPr>
              <a:t>và </a:t>
            </a:r>
            <a:r>
              <a:rPr sz="2400" b="1" spc="-5" dirty="0">
                <a:latin typeface="Times New Roman"/>
                <a:cs typeface="Times New Roman"/>
              </a:rPr>
              <a:t>hiểu nội dung </a:t>
            </a:r>
            <a:r>
              <a:rPr sz="2400" b="1" dirty="0">
                <a:latin typeface="Times New Roman"/>
                <a:cs typeface="Times New Roman"/>
              </a:rPr>
              <a:t>câu</a:t>
            </a:r>
            <a:r>
              <a:rPr sz="2400" b="1" spc="15" dirty="0">
                <a:latin typeface="Times New Roman"/>
                <a:cs typeface="Times New Roman"/>
              </a:rPr>
              <a:t> </a:t>
            </a:r>
            <a:r>
              <a:rPr sz="2400" b="1" spc="-5" dirty="0">
                <a:latin typeface="Times New Roman"/>
                <a:cs typeface="Times New Roman"/>
              </a:rPr>
              <a:t>chuyện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spcBef>
                <a:spcPts val="5"/>
              </a:spcBef>
              <a:buChar char="-"/>
              <a:tabLst>
                <a:tab pos="191135" algn="l"/>
                <a:tab pos="2425065" algn="l"/>
              </a:tabLst>
            </a:pPr>
            <a:r>
              <a:rPr sz="2400" b="1" spc="-5" dirty="0">
                <a:latin typeface="Times New Roman"/>
                <a:cs typeface="Times New Roman"/>
              </a:rPr>
              <a:t>Trẻ </a:t>
            </a:r>
            <a:r>
              <a:rPr sz="2400" b="1" dirty="0">
                <a:latin typeface="Times New Roman"/>
                <a:cs typeface="Times New Roman"/>
              </a:rPr>
              <a:t>trả</a:t>
            </a:r>
            <a:r>
              <a:rPr sz="2400" b="1" spc="-5" dirty="0">
                <a:latin typeface="Times New Roman"/>
                <a:cs typeface="Times New Roman"/>
              </a:rPr>
              <a:t> </a:t>
            </a:r>
            <a:r>
              <a:rPr sz="2400" b="1" dirty="0">
                <a:latin typeface="Times New Roman"/>
                <a:cs typeface="Times New Roman"/>
              </a:rPr>
              <a:t>lời</a:t>
            </a:r>
            <a:r>
              <a:rPr sz="2400" b="1" spc="-10" dirty="0">
                <a:latin typeface="Times New Roman"/>
                <a:cs typeface="Times New Roman"/>
              </a:rPr>
              <a:t> </a:t>
            </a:r>
            <a:r>
              <a:rPr sz="2400" b="1" spc="-5" dirty="0">
                <a:latin typeface="Times New Roman"/>
                <a:cs typeface="Times New Roman"/>
              </a:rPr>
              <a:t>được	</a:t>
            </a:r>
            <a:r>
              <a:rPr sz="2400" b="1" dirty="0">
                <a:latin typeface="Times New Roman"/>
                <a:cs typeface="Times New Roman"/>
              </a:rPr>
              <a:t>các câu </a:t>
            </a:r>
            <a:r>
              <a:rPr sz="2400" b="1" spc="-5" dirty="0">
                <a:latin typeface="Times New Roman"/>
                <a:cs typeface="Times New Roman"/>
              </a:rPr>
              <a:t>hỏi </a:t>
            </a:r>
            <a:r>
              <a:rPr sz="2400" b="1" dirty="0">
                <a:latin typeface="Times New Roman"/>
                <a:cs typeface="Times New Roman"/>
              </a:rPr>
              <a:t>của cô </a:t>
            </a:r>
            <a:r>
              <a:rPr sz="2400" b="1" spc="-5" dirty="0">
                <a:latin typeface="Times New Roman"/>
                <a:cs typeface="Times New Roman"/>
              </a:rPr>
              <a:t>đủ </a:t>
            </a:r>
            <a:r>
              <a:rPr sz="2400" b="1" dirty="0">
                <a:latin typeface="Times New Roman"/>
                <a:cs typeface="Times New Roman"/>
              </a:rPr>
              <a:t>câu, </a:t>
            </a:r>
            <a:r>
              <a:rPr sz="2400" b="1" spc="-5" dirty="0">
                <a:latin typeface="Times New Roman"/>
                <a:cs typeface="Times New Roman"/>
              </a:rPr>
              <a:t>đủ </a:t>
            </a:r>
            <a:r>
              <a:rPr sz="2400" b="1" dirty="0">
                <a:latin typeface="Times New Roman"/>
                <a:cs typeface="Times New Roman"/>
              </a:rPr>
              <a:t>ý, lễ</a:t>
            </a:r>
            <a:r>
              <a:rPr sz="2400" b="1" spc="-25" dirty="0">
                <a:latin typeface="Times New Roman"/>
                <a:cs typeface="Times New Roman"/>
              </a:rPr>
              <a:t> </a:t>
            </a:r>
            <a:r>
              <a:rPr sz="2400" b="1" spc="-10" dirty="0">
                <a:latin typeface="Times New Roman"/>
                <a:cs typeface="Times New Roman"/>
              </a:rPr>
              <a:t>phép.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</a:pPr>
            <a:r>
              <a:rPr sz="2400" b="1" dirty="0">
                <a:latin typeface="Times New Roman"/>
                <a:cs typeface="Times New Roman"/>
              </a:rPr>
              <a:t>c. Thái</a:t>
            </a:r>
            <a:r>
              <a:rPr sz="2400" b="1" spc="-5" dirty="0">
                <a:latin typeface="Times New Roman"/>
                <a:cs typeface="Times New Roman"/>
              </a:rPr>
              <a:t> độ:</a:t>
            </a:r>
            <a:endParaRPr sz="2400">
              <a:latin typeface="Times New Roman"/>
              <a:cs typeface="Times New Roman"/>
            </a:endParaRPr>
          </a:p>
          <a:p>
            <a:pPr marL="12700">
              <a:lnSpc>
                <a:spcPct val="100000"/>
              </a:lnSpc>
              <a:tabLst>
                <a:tab pos="355600" algn="l"/>
                <a:tab pos="2699385" algn="l"/>
              </a:tabLst>
            </a:pPr>
            <a:r>
              <a:rPr sz="2400" dirty="0">
                <a:latin typeface="Times New Roman"/>
                <a:cs typeface="Times New Roman"/>
              </a:rPr>
              <a:t>-	</a:t>
            </a:r>
            <a:r>
              <a:rPr sz="2400" b="1" dirty="0">
                <a:latin typeface="Times New Roman"/>
                <a:cs typeface="Times New Roman"/>
              </a:rPr>
              <a:t>Giáo </a:t>
            </a:r>
            <a:r>
              <a:rPr sz="2400" b="1" spc="-5" dirty="0">
                <a:latin typeface="Times New Roman"/>
                <a:cs typeface="Times New Roman"/>
              </a:rPr>
              <a:t>dục</a:t>
            </a:r>
            <a:r>
              <a:rPr sz="2400" b="1" spc="-20" dirty="0">
                <a:latin typeface="Times New Roman"/>
                <a:cs typeface="Times New Roman"/>
              </a:rPr>
              <a:t> </a:t>
            </a:r>
            <a:r>
              <a:rPr sz="2400" b="1" dirty="0">
                <a:latin typeface="Times New Roman"/>
                <a:cs typeface="Times New Roman"/>
              </a:rPr>
              <a:t>trẻ</a:t>
            </a:r>
            <a:r>
              <a:rPr sz="2400" b="1" spc="10" dirty="0">
                <a:latin typeface="Times New Roman"/>
                <a:cs typeface="Times New Roman"/>
              </a:rPr>
              <a:t> </a:t>
            </a:r>
            <a:r>
              <a:rPr sz="2400" b="1" dirty="0">
                <a:latin typeface="Times New Roman"/>
                <a:cs typeface="Times New Roman"/>
              </a:rPr>
              <a:t>biết	</a:t>
            </a:r>
            <a:r>
              <a:rPr sz="2400" b="1" spc="-5" dirty="0">
                <a:latin typeface="Times New Roman"/>
                <a:cs typeface="Times New Roman"/>
              </a:rPr>
              <a:t>quan </a:t>
            </a:r>
            <a:r>
              <a:rPr sz="2400" b="1" dirty="0">
                <a:latin typeface="Times New Roman"/>
                <a:cs typeface="Times New Roman"/>
              </a:rPr>
              <a:t>tâm, chia </a:t>
            </a:r>
            <a:r>
              <a:rPr sz="2400" b="1" spc="-5" dirty="0">
                <a:latin typeface="Times New Roman"/>
                <a:cs typeface="Times New Roman"/>
              </a:rPr>
              <a:t>sẻ </a:t>
            </a:r>
            <a:r>
              <a:rPr sz="2400" b="1" dirty="0">
                <a:latin typeface="Times New Roman"/>
                <a:cs typeface="Times New Roman"/>
              </a:rPr>
              <a:t>lẫn</a:t>
            </a:r>
            <a:r>
              <a:rPr sz="2400" b="1" spc="-15" dirty="0">
                <a:latin typeface="Times New Roman"/>
                <a:cs typeface="Times New Roman"/>
              </a:rPr>
              <a:t> </a:t>
            </a:r>
            <a:r>
              <a:rPr sz="2400" b="1" spc="-5" dirty="0">
                <a:latin typeface="Times New Roman"/>
                <a:cs typeface="Times New Roman"/>
              </a:rPr>
              <a:t>nhau.</a:t>
            </a:r>
            <a:endParaRPr sz="2400">
              <a:latin typeface="Times New Roman"/>
              <a:cs typeface="Times New Roman"/>
            </a:endParaRPr>
          </a:p>
        </p:txBody>
      </p:sp>
      <p:sp>
        <p:nvSpPr>
          <p:cNvPr id="4" name="object 4"/>
          <p:cNvSpPr txBox="1">
            <a:spLocks noGrp="1"/>
          </p:cNvSpPr>
          <p:nvPr>
            <p:ph type="title"/>
          </p:nvPr>
        </p:nvSpPr>
        <p:spPr>
          <a:xfrm>
            <a:off x="3927475" y="476757"/>
            <a:ext cx="4395470" cy="513715"/>
          </a:xfrm>
          <a:prstGeom prst="rect">
            <a:avLst/>
          </a:prstGeom>
        </p:spPr>
        <p:txBody>
          <a:bodyPr vert="horz" wrap="square" lIns="0" tIns="1333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5"/>
              </a:spcBef>
            </a:pPr>
            <a:r>
              <a:rPr sz="3200" dirty="0">
                <a:solidFill>
                  <a:srgbClr val="00AFEF"/>
                </a:solidFill>
              </a:rPr>
              <a:t>MỤC </a:t>
            </a:r>
            <a:r>
              <a:rPr sz="3200" spc="-5" dirty="0">
                <a:solidFill>
                  <a:srgbClr val="00AFEF"/>
                </a:solidFill>
              </a:rPr>
              <a:t>ĐÍCH </a:t>
            </a:r>
            <a:r>
              <a:rPr sz="3200" dirty="0">
                <a:solidFill>
                  <a:srgbClr val="00AFEF"/>
                </a:solidFill>
              </a:rPr>
              <a:t>– </a:t>
            </a:r>
            <a:r>
              <a:rPr sz="3200" spc="-5" dirty="0">
                <a:solidFill>
                  <a:srgbClr val="00AFEF"/>
                </a:solidFill>
              </a:rPr>
              <a:t>YÊU</a:t>
            </a:r>
            <a:r>
              <a:rPr sz="3200" spc="-165" dirty="0">
                <a:solidFill>
                  <a:srgbClr val="00AFEF"/>
                </a:solidFill>
              </a:rPr>
              <a:t> </a:t>
            </a:r>
            <a:r>
              <a:rPr sz="3200" spc="-5" dirty="0">
                <a:solidFill>
                  <a:srgbClr val="00AFEF"/>
                </a:solidFill>
              </a:rPr>
              <a:t>CẦU</a:t>
            </a:r>
            <a:endParaRPr sz="3200"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6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xfrm>
            <a:off x="3507994" y="793826"/>
            <a:ext cx="5157470" cy="14890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9600" spc="-40" dirty="0">
                <a:solidFill>
                  <a:srgbClr val="6F2F9F"/>
                </a:solidFill>
                <a:latin typeface="Carlito"/>
                <a:cs typeface="Carlito"/>
              </a:rPr>
              <a:t>GIÁO</a:t>
            </a:r>
            <a:r>
              <a:rPr sz="9600" spc="-90" dirty="0">
                <a:solidFill>
                  <a:srgbClr val="6F2F9F"/>
                </a:solidFill>
                <a:latin typeface="Carlito"/>
                <a:cs typeface="Carlito"/>
              </a:rPr>
              <a:t> </a:t>
            </a:r>
            <a:r>
              <a:rPr sz="9600" spc="-5" dirty="0">
                <a:solidFill>
                  <a:srgbClr val="6F2F9F"/>
                </a:solidFill>
                <a:latin typeface="Carlito"/>
                <a:cs typeface="Carlito"/>
              </a:rPr>
              <a:t>DỤC</a:t>
            </a:r>
            <a:endParaRPr sz="9600">
              <a:latin typeface="Carlito"/>
              <a:cs typeface="Carlito"/>
            </a:endParaRPr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title"/>
          </p:nvPr>
        </p:nvSpPr>
        <p:spPr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223520" marR="5080" indent="748665">
              <a:lnSpc>
                <a:spcPct val="134300"/>
              </a:lnSpc>
              <a:spcBef>
                <a:spcPts val="95"/>
              </a:spcBef>
            </a:pPr>
            <a:r>
              <a:rPr dirty="0">
                <a:solidFill>
                  <a:srgbClr val="FF66CC"/>
                </a:solidFill>
              </a:rPr>
              <a:t>Bài </a:t>
            </a:r>
            <a:r>
              <a:rPr spc="-5" dirty="0">
                <a:solidFill>
                  <a:srgbClr val="FF66CC"/>
                </a:solidFill>
              </a:rPr>
              <a:t>học đến đây </a:t>
            </a:r>
            <a:r>
              <a:rPr dirty="0">
                <a:solidFill>
                  <a:srgbClr val="FF66CC"/>
                </a:solidFill>
              </a:rPr>
              <a:t>là </a:t>
            </a:r>
            <a:r>
              <a:rPr spc="-5" dirty="0">
                <a:solidFill>
                  <a:srgbClr val="FF66CC"/>
                </a:solidFill>
              </a:rPr>
              <a:t>kết </a:t>
            </a:r>
            <a:r>
              <a:rPr dirty="0">
                <a:solidFill>
                  <a:srgbClr val="FF66CC"/>
                </a:solidFill>
              </a:rPr>
              <a:t>thúc  </a:t>
            </a:r>
            <a:r>
              <a:rPr spc="-5" dirty="0"/>
              <a:t>Chúc </a:t>
            </a:r>
            <a:r>
              <a:rPr dirty="0"/>
              <a:t>các </a:t>
            </a:r>
            <a:r>
              <a:rPr spc="-5" dirty="0"/>
              <a:t>bé </a:t>
            </a:r>
            <a:r>
              <a:rPr dirty="0"/>
              <a:t>chăm </a:t>
            </a:r>
            <a:r>
              <a:rPr spc="-5" dirty="0"/>
              <a:t>ngoan học</a:t>
            </a:r>
            <a:r>
              <a:rPr spc="-70" dirty="0"/>
              <a:t> </a:t>
            </a:r>
            <a:r>
              <a:rPr spc="-5" dirty="0"/>
              <a:t>giỏi!</a:t>
            </a:r>
          </a:p>
          <a:p>
            <a:pPr marL="1209040">
              <a:lnSpc>
                <a:spcPct val="100000"/>
              </a:lnSpc>
              <a:spcBef>
                <a:spcPts val="610"/>
              </a:spcBef>
            </a:pPr>
            <a:r>
              <a:rPr sz="4050" spc="-75" dirty="0">
                <a:solidFill>
                  <a:srgbClr val="6F2F9F"/>
                </a:solidFill>
              </a:rPr>
              <a:t>Trân </a:t>
            </a:r>
            <a:r>
              <a:rPr sz="4050" dirty="0">
                <a:solidFill>
                  <a:srgbClr val="6F2F9F"/>
                </a:solidFill>
              </a:rPr>
              <a:t>trọng cảm ơn</a:t>
            </a:r>
            <a:r>
              <a:rPr sz="4050" spc="-5" dirty="0">
                <a:solidFill>
                  <a:srgbClr val="6F2F9F"/>
                </a:solidFill>
              </a:rPr>
              <a:t> </a:t>
            </a:r>
            <a:r>
              <a:rPr sz="4050" dirty="0">
                <a:solidFill>
                  <a:srgbClr val="6F2F9F"/>
                </a:solidFill>
              </a:rPr>
              <a:t>!</a:t>
            </a:r>
            <a:endParaRPr sz="4050"/>
          </a:p>
        </p:txBody>
      </p: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6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grpSp>
        <p:nvGrpSpPr>
          <p:cNvPr id="3" name="object 3"/>
          <p:cNvGrpSpPr/>
          <p:nvPr/>
        </p:nvGrpSpPr>
        <p:grpSpPr>
          <a:xfrm>
            <a:off x="2346705" y="3061461"/>
            <a:ext cx="7099300" cy="3050540"/>
            <a:chOff x="2346705" y="3061461"/>
            <a:chExt cx="7099300" cy="3050540"/>
          </a:xfrm>
        </p:grpSpPr>
        <p:sp>
          <p:nvSpPr>
            <p:cNvPr id="4" name="object 4"/>
            <p:cNvSpPr/>
            <p:nvPr/>
          </p:nvSpPr>
          <p:spPr>
            <a:xfrm>
              <a:off x="2353055" y="3067811"/>
              <a:ext cx="7086600" cy="3037840"/>
            </a:xfrm>
            <a:custGeom>
              <a:avLst/>
              <a:gdLst/>
              <a:ahLst/>
              <a:cxnLst/>
              <a:rect l="l" t="t" r="r" b="b"/>
              <a:pathLst>
                <a:path w="7086600" h="3037840">
                  <a:moveTo>
                    <a:pt x="6580378" y="0"/>
                  </a:moveTo>
                  <a:lnTo>
                    <a:pt x="506221" y="0"/>
                  </a:lnTo>
                  <a:lnTo>
                    <a:pt x="457477" y="2317"/>
                  </a:lnTo>
                  <a:lnTo>
                    <a:pt x="410042" y="9129"/>
                  </a:lnTo>
                  <a:lnTo>
                    <a:pt x="364128" y="20223"/>
                  </a:lnTo>
                  <a:lnTo>
                    <a:pt x="319948" y="35386"/>
                  </a:lnTo>
                  <a:lnTo>
                    <a:pt x="277714" y="54407"/>
                  </a:lnTo>
                  <a:lnTo>
                    <a:pt x="237639" y="77072"/>
                  </a:lnTo>
                  <a:lnTo>
                    <a:pt x="199935" y="103170"/>
                  </a:lnTo>
                  <a:lnTo>
                    <a:pt x="164813" y="132488"/>
                  </a:lnTo>
                  <a:lnTo>
                    <a:pt x="132488" y="164813"/>
                  </a:lnTo>
                  <a:lnTo>
                    <a:pt x="103170" y="199935"/>
                  </a:lnTo>
                  <a:lnTo>
                    <a:pt x="77072" y="237639"/>
                  </a:lnTo>
                  <a:lnTo>
                    <a:pt x="54407" y="277714"/>
                  </a:lnTo>
                  <a:lnTo>
                    <a:pt x="35386" y="319948"/>
                  </a:lnTo>
                  <a:lnTo>
                    <a:pt x="20223" y="364128"/>
                  </a:lnTo>
                  <a:lnTo>
                    <a:pt x="9129" y="410042"/>
                  </a:lnTo>
                  <a:lnTo>
                    <a:pt x="2317" y="457477"/>
                  </a:lnTo>
                  <a:lnTo>
                    <a:pt x="0" y="506222"/>
                  </a:lnTo>
                  <a:lnTo>
                    <a:pt x="0" y="2531097"/>
                  </a:lnTo>
                  <a:lnTo>
                    <a:pt x="2317" y="2579851"/>
                  </a:lnTo>
                  <a:lnTo>
                    <a:pt x="9129" y="2627294"/>
                  </a:lnTo>
                  <a:lnTo>
                    <a:pt x="20223" y="2673214"/>
                  </a:lnTo>
                  <a:lnTo>
                    <a:pt x="35386" y="2717398"/>
                  </a:lnTo>
                  <a:lnTo>
                    <a:pt x="54407" y="2759635"/>
                  </a:lnTo>
                  <a:lnTo>
                    <a:pt x="77072" y="2799711"/>
                  </a:lnTo>
                  <a:lnTo>
                    <a:pt x="103170" y="2837415"/>
                  </a:lnTo>
                  <a:lnTo>
                    <a:pt x="132488" y="2872536"/>
                  </a:lnTo>
                  <a:lnTo>
                    <a:pt x="164813" y="2904860"/>
                  </a:lnTo>
                  <a:lnTo>
                    <a:pt x="199935" y="2934175"/>
                  </a:lnTo>
                  <a:lnTo>
                    <a:pt x="237639" y="2960271"/>
                  </a:lnTo>
                  <a:lnTo>
                    <a:pt x="277714" y="2982933"/>
                  </a:lnTo>
                  <a:lnTo>
                    <a:pt x="319948" y="3001951"/>
                  </a:lnTo>
                  <a:lnTo>
                    <a:pt x="364128" y="3017112"/>
                  </a:lnTo>
                  <a:lnTo>
                    <a:pt x="410042" y="3028204"/>
                  </a:lnTo>
                  <a:lnTo>
                    <a:pt x="457477" y="3035014"/>
                  </a:lnTo>
                  <a:lnTo>
                    <a:pt x="506221" y="3037332"/>
                  </a:lnTo>
                  <a:lnTo>
                    <a:pt x="6580378" y="3037332"/>
                  </a:lnTo>
                  <a:lnTo>
                    <a:pt x="6629122" y="3035014"/>
                  </a:lnTo>
                  <a:lnTo>
                    <a:pt x="6676557" y="3028204"/>
                  </a:lnTo>
                  <a:lnTo>
                    <a:pt x="6722471" y="3017112"/>
                  </a:lnTo>
                  <a:lnTo>
                    <a:pt x="6766651" y="3001951"/>
                  </a:lnTo>
                  <a:lnTo>
                    <a:pt x="6808885" y="2982933"/>
                  </a:lnTo>
                  <a:lnTo>
                    <a:pt x="6848960" y="2960271"/>
                  </a:lnTo>
                  <a:lnTo>
                    <a:pt x="6886664" y="2934175"/>
                  </a:lnTo>
                  <a:lnTo>
                    <a:pt x="6921786" y="2904860"/>
                  </a:lnTo>
                  <a:lnTo>
                    <a:pt x="6954111" y="2872536"/>
                  </a:lnTo>
                  <a:lnTo>
                    <a:pt x="6983429" y="2837415"/>
                  </a:lnTo>
                  <a:lnTo>
                    <a:pt x="7009527" y="2799711"/>
                  </a:lnTo>
                  <a:lnTo>
                    <a:pt x="7032192" y="2759635"/>
                  </a:lnTo>
                  <a:lnTo>
                    <a:pt x="7051213" y="2717398"/>
                  </a:lnTo>
                  <a:lnTo>
                    <a:pt x="7066376" y="2673214"/>
                  </a:lnTo>
                  <a:lnTo>
                    <a:pt x="7077470" y="2627294"/>
                  </a:lnTo>
                  <a:lnTo>
                    <a:pt x="7084282" y="2579851"/>
                  </a:lnTo>
                  <a:lnTo>
                    <a:pt x="7086600" y="2531097"/>
                  </a:lnTo>
                  <a:lnTo>
                    <a:pt x="7086600" y="506222"/>
                  </a:lnTo>
                  <a:lnTo>
                    <a:pt x="7084282" y="457477"/>
                  </a:lnTo>
                  <a:lnTo>
                    <a:pt x="7077470" y="410042"/>
                  </a:lnTo>
                  <a:lnTo>
                    <a:pt x="7066376" y="364128"/>
                  </a:lnTo>
                  <a:lnTo>
                    <a:pt x="7051213" y="319948"/>
                  </a:lnTo>
                  <a:lnTo>
                    <a:pt x="7032192" y="277714"/>
                  </a:lnTo>
                  <a:lnTo>
                    <a:pt x="7009527" y="237639"/>
                  </a:lnTo>
                  <a:lnTo>
                    <a:pt x="6983429" y="199935"/>
                  </a:lnTo>
                  <a:lnTo>
                    <a:pt x="6954111" y="164813"/>
                  </a:lnTo>
                  <a:lnTo>
                    <a:pt x="6921786" y="132488"/>
                  </a:lnTo>
                  <a:lnTo>
                    <a:pt x="6886664" y="103170"/>
                  </a:lnTo>
                  <a:lnTo>
                    <a:pt x="6848960" y="77072"/>
                  </a:lnTo>
                  <a:lnTo>
                    <a:pt x="6808885" y="54407"/>
                  </a:lnTo>
                  <a:lnTo>
                    <a:pt x="6766651" y="35386"/>
                  </a:lnTo>
                  <a:lnTo>
                    <a:pt x="6722471" y="20223"/>
                  </a:lnTo>
                  <a:lnTo>
                    <a:pt x="6676557" y="9129"/>
                  </a:lnTo>
                  <a:lnTo>
                    <a:pt x="6629122" y="2317"/>
                  </a:lnTo>
                  <a:lnTo>
                    <a:pt x="6580378" y="0"/>
                  </a:lnTo>
                  <a:close/>
                </a:path>
              </a:pathLst>
            </a:custGeom>
            <a:solidFill>
              <a:srgbClr val="FFFFFF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2353055" y="3067811"/>
              <a:ext cx="7086600" cy="3037840"/>
            </a:xfrm>
            <a:custGeom>
              <a:avLst/>
              <a:gdLst/>
              <a:ahLst/>
              <a:cxnLst/>
              <a:rect l="l" t="t" r="r" b="b"/>
              <a:pathLst>
                <a:path w="7086600" h="3037840">
                  <a:moveTo>
                    <a:pt x="0" y="506222"/>
                  </a:moveTo>
                  <a:lnTo>
                    <a:pt x="2317" y="457477"/>
                  </a:lnTo>
                  <a:lnTo>
                    <a:pt x="9129" y="410042"/>
                  </a:lnTo>
                  <a:lnTo>
                    <a:pt x="20223" y="364128"/>
                  </a:lnTo>
                  <a:lnTo>
                    <a:pt x="35386" y="319948"/>
                  </a:lnTo>
                  <a:lnTo>
                    <a:pt x="54407" y="277714"/>
                  </a:lnTo>
                  <a:lnTo>
                    <a:pt x="77072" y="237639"/>
                  </a:lnTo>
                  <a:lnTo>
                    <a:pt x="103170" y="199935"/>
                  </a:lnTo>
                  <a:lnTo>
                    <a:pt x="132488" y="164813"/>
                  </a:lnTo>
                  <a:lnTo>
                    <a:pt x="164813" y="132488"/>
                  </a:lnTo>
                  <a:lnTo>
                    <a:pt x="199935" y="103170"/>
                  </a:lnTo>
                  <a:lnTo>
                    <a:pt x="237639" y="77072"/>
                  </a:lnTo>
                  <a:lnTo>
                    <a:pt x="277714" y="54407"/>
                  </a:lnTo>
                  <a:lnTo>
                    <a:pt x="319948" y="35386"/>
                  </a:lnTo>
                  <a:lnTo>
                    <a:pt x="364128" y="20223"/>
                  </a:lnTo>
                  <a:lnTo>
                    <a:pt x="410042" y="9129"/>
                  </a:lnTo>
                  <a:lnTo>
                    <a:pt x="457477" y="2317"/>
                  </a:lnTo>
                  <a:lnTo>
                    <a:pt x="506221" y="0"/>
                  </a:lnTo>
                  <a:lnTo>
                    <a:pt x="6580378" y="0"/>
                  </a:lnTo>
                  <a:lnTo>
                    <a:pt x="6629122" y="2317"/>
                  </a:lnTo>
                  <a:lnTo>
                    <a:pt x="6676557" y="9129"/>
                  </a:lnTo>
                  <a:lnTo>
                    <a:pt x="6722471" y="20223"/>
                  </a:lnTo>
                  <a:lnTo>
                    <a:pt x="6766651" y="35386"/>
                  </a:lnTo>
                  <a:lnTo>
                    <a:pt x="6808885" y="54407"/>
                  </a:lnTo>
                  <a:lnTo>
                    <a:pt x="6848960" y="77072"/>
                  </a:lnTo>
                  <a:lnTo>
                    <a:pt x="6886664" y="103170"/>
                  </a:lnTo>
                  <a:lnTo>
                    <a:pt x="6921786" y="132488"/>
                  </a:lnTo>
                  <a:lnTo>
                    <a:pt x="6954111" y="164813"/>
                  </a:lnTo>
                  <a:lnTo>
                    <a:pt x="6983429" y="199935"/>
                  </a:lnTo>
                  <a:lnTo>
                    <a:pt x="7009527" y="237639"/>
                  </a:lnTo>
                  <a:lnTo>
                    <a:pt x="7032192" y="277714"/>
                  </a:lnTo>
                  <a:lnTo>
                    <a:pt x="7051213" y="319948"/>
                  </a:lnTo>
                  <a:lnTo>
                    <a:pt x="7066376" y="364128"/>
                  </a:lnTo>
                  <a:lnTo>
                    <a:pt x="7077470" y="410042"/>
                  </a:lnTo>
                  <a:lnTo>
                    <a:pt x="7084282" y="457477"/>
                  </a:lnTo>
                  <a:lnTo>
                    <a:pt x="7086600" y="506222"/>
                  </a:lnTo>
                  <a:lnTo>
                    <a:pt x="7086600" y="2531097"/>
                  </a:lnTo>
                  <a:lnTo>
                    <a:pt x="7084282" y="2579851"/>
                  </a:lnTo>
                  <a:lnTo>
                    <a:pt x="7077470" y="2627294"/>
                  </a:lnTo>
                  <a:lnTo>
                    <a:pt x="7066376" y="2673214"/>
                  </a:lnTo>
                  <a:lnTo>
                    <a:pt x="7051213" y="2717398"/>
                  </a:lnTo>
                  <a:lnTo>
                    <a:pt x="7032192" y="2759635"/>
                  </a:lnTo>
                  <a:lnTo>
                    <a:pt x="7009527" y="2799711"/>
                  </a:lnTo>
                  <a:lnTo>
                    <a:pt x="6983429" y="2837415"/>
                  </a:lnTo>
                  <a:lnTo>
                    <a:pt x="6954111" y="2872536"/>
                  </a:lnTo>
                  <a:lnTo>
                    <a:pt x="6921786" y="2904860"/>
                  </a:lnTo>
                  <a:lnTo>
                    <a:pt x="6886664" y="2934175"/>
                  </a:lnTo>
                  <a:lnTo>
                    <a:pt x="6848960" y="2960271"/>
                  </a:lnTo>
                  <a:lnTo>
                    <a:pt x="6808885" y="2982933"/>
                  </a:lnTo>
                  <a:lnTo>
                    <a:pt x="6766651" y="3001951"/>
                  </a:lnTo>
                  <a:lnTo>
                    <a:pt x="6722471" y="3017112"/>
                  </a:lnTo>
                  <a:lnTo>
                    <a:pt x="6676557" y="3028204"/>
                  </a:lnTo>
                  <a:lnTo>
                    <a:pt x="6629122" y="3035014"/>
                  </a:lnTo>
                  <a:lnTo>
                    <a:pt x="6580378" y="3037332"/>
                  </a:lnTo>
                  <a:lnTo>
                    <a:pt x="506221" y="3037332"/>
                  </a:lnTo>
                  <a:lnTo>
                    <a:pt x="457477" y="3035014"/>
                  </a:lnTo>
                  <a:lnTo>
                    <a:pt x="410042" y="3028204"/>
                  </a:lnTo>
                  <a:lnTo>
                    <a:pt x="364128" y="3017112"/>
                  </a:lnTo>
                  <a:lnTo>
                    <a:pt x="319948" y="3001951"/>
                  </a:lnTo>
                  <a:lnTo>
                    <a:pt x="277714" y="2982933"/>
                  </a:lnTo>
                  <a:lnTo>
                    <a:pt x="237639" y="2960271"/>
                  </a:lnTo>
                  <a:lnTo>
                    <a:pt x="199935" y="2934175"/>
                  </a:lnTo>
                  <a:lnTo>
                    <a:pt x="164813" y="2904860"/>
                  </a:lnTo>
                  <a:lnTo>
                    <a:pt x="132488" y="2872536"/>
                  </a:lnTo>
                  <a:lnTo>
                    <a:pt x="103170" y="2837415"/>
                  </a:lnTo>
                  <a:lnTo>
                    <a:pt x="77072" y="2799711"/>
                  </a:lnTo>
                  <a:lnTo>
                    <a:pt x="54407" y="2759635"/>
                  </a:lnTo>
                  <a:lnTo>
                    <a:pt x="35386" y="2717398"/>
                  </a:lnTo>
                  <a:lnTo>
                    <a:pt x="20223" y="2673214"/>
                  </a:lnTo>
                  <a:lnTo>
                    <a:pt x="9129" y="2627294"/>
                  </a:lnTo>
                  <a:lnTo>
                    <a:pt x="2317" y="2579851"/>
                  </a:lnTo>
                  <a:lnTo>
                    <a:pt x="0" y="2531097"/>
                  </a:lnTo>
                  <a:lnTo>
                    <a:pt x="0" y="506222"/>
                  </a:lnTo>
                  <a:close/>
                </a:path>
              </a:pathLst>
            </a:custGeom>
            <a:ln w="12700">
              <a:solidFill>
                <a:srgbClr val="2E528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" name="object 6"/>
          <p:cNvSpPr/>
          <p:nvPr/>
        </p:nvSpPr>
        <p:spPr>
          <a:xfrm>
            <a:off x="2814827" y="1551432"/>
            <a:ext cx="5994654" cy="1119377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>
            <a:spLocks noGrp="1"/>
          </p:cNvSpPr>
          <p:nvPr>
            <p:ph type="title"/>
          </p:nvPr>
        </p:nvSpPr>
        <p:spPr>
          <a:xfrm>
            <a:off x="3126104" y="1693291"/>
            <a:ext cx="5359400" cy="6350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4000" b="0" spc="-5" dirty="0">
                <a:solidFill>
                  <a:srgbClr val="000000"/>
                </a:solidFill>
                <a:latin typeface="Times New Roman"/>
                <a:cs typeface="Times New Roman"/>
              </a:rPr>
              <a:t>TÀI LIỆU </a:t>
            </a:r>
            <a:r>
              <a:rPr sz="4000" b="0" spc="-10" dirty="0">
                <a:solidFill>
                  <a:srgbClr val="000000"/>
                </a:solidFill>
                <a:latin typeface="Times New Roman"/>
                <a:cs typeface="Times New Roman"/>
              </a:rPr>
              <a:t>THAM</a:t>
            </a:r>
            <a:r>
              <a:rPr sz="4000" b="0" spc="-90" dirty="0">
                <a:solidFill>
                  <a:srgbClr val="000000"/>
                </a:solidFill>
                <a:latin typeface="Times New Roman"/>
                <a:cs typeface="Times New Roman"/>
              </a:rPr>
              <a:t> </a:t>
            </a:r>
            <a:r>
              <a:rPr sz="4000" b="0" spc="-15" dirty="0">
                <a:solidFill>
                  <a:srgbClr val="000000"/>
                </a:solidFill>
                <a:latin typeface="Times New Roman"/>
                <a:cs typeface="Times New Roman"/>
              </a:rPr>
              <a:t>KHẢO</a:t>
            </a:r>
            <a:endParaRPr sz="4000">
              <a:latin typeface="Times New Roman"/>
              <a:cs typeface="Times New Roman"/>
            </a:endParaRPr>
          </a:p>
        </p:txBody>
      </p:sp>
      <p:grpSp>
        <p:nvGrpSpPr>
          <p:cNvPr id="8" name="object 8"/>
          <p:cNvGrpSpPr/>
          <p:nvPr/>
        </p:nvGrpSpPr>
        <p:grpSpPr>
          <a:xfrm>
            <a:off x="2942844" y="3374135"/>
            <a:ext cx="6059170" cy="2506345"/>
            <a:chOff x="2942844" y="3374135"/>
            <a:chExt cx="6059170" cy="2506345"/>
          </a:xfrm>
        </p:grpSpPr>
        <p:sp>
          <p:nvSpPr>
            <p:cNvPr id="9" name="object 9"/>
            <p:cNvSpPr/>
            <p:nvPr/>
          </p:nvSpPr>
          <p:spPr>
            <a:xfrm>
              <a:off x="2942844" y="3374135"/>
              <a:ext cx="505206" cy="677418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0" name="object 10"/>
            <p:cNvSpPr/>
            <p:nvPr/>
          </p:nvSpPr>
          <p:spPr>
            <a:xfrm>
              <a:off x="3121152" y="3374135"/>
              <a:ext cx="4639817" cy="677418"/>
            </a:xfrm>
            <a:prstGeom prst="rect">
              <a:avLst/>
            </a:prstGeom>
            <a:blipFill>
              <a:blip r:embed="rId5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1" name="object 11"/>
            <p:cNvSpPr/>
            <p:nvPr/>
          </p:nvSpPr>
          <p:spPr>
            <a:xfrm>
              <a:off x="2942844" y="3739895"/>
              <a:ext cx="505206" cy="677418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2" name="object 12"/>
            <p:cNvSpPr/>
            <p:nvPr/>
          </p:nvSpPr>
          <p:spPr>
            <a:xfrm>
              <a:off x="3121152" y="3739895"/>
              <a:ext cx="758189" cy="677418"/>
            </a:xfrm>
            <a:prstGeom prst="rect">
              <a:avLst/>
            </a:prstGeom>
            <a:blipFill>
              <a:blip r:embed="rId6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3476244" y="3739895"/>
              <a:ext cx="4307586" cy="677418"/>
            </a:xfrm>
            <a:prstGeom prst="rect">
              <a:avLst/>
            </a:prstGeom>
            <a:blipFill>
              <a:blip r:embed="rId7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2942844" y="4105655"/>
              <a:ext cx="505206" cy="677418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5" name="object 15"/>
            <p:cNvSpPr/>
            <p:nvPr/>
          </p:nvSpPr>
          <p:spPr>
            <a:xfrm>
              <a:off x="3121152" y="4105655"/>
              <a:ext cx="4510278" cy="677418"/>
            </a:xfrm>
            <a:prstGeom prst="rect">
              <a:avLst/>
            </a:prstGeom>
            <a:blipFill>
              <a:blip r:embed="rId8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6" name="object 16"/>
            <p:cNvSpPr/>
            <p:nvPr/>
          </p:nvSpPr>
          <p:spPr>
            <a:xfrm>
              <a:off x="2942844" y="4471415"/>
              <a:ext cx="505206" cy="677418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7" name="object 17"/>
            <p:cNvSpPr/>
            <p:nvPr/>
          </p:nvSpPr>
          <p:spPr>
            <a:xfrm>
              <a:off x="3121152" y="4471415"/>
              <a:ext cx="3397757" cy="677418"/>
            </a:xfrm>
            <a:prstGeom prst="rect">
              <a:avLst/>
            </a:prstGeom>
            <a:blipFill>
              <a:blip r:embed="rId9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2942844" y="4837175"/>
              <a:ext cx="505206" cy="677418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9" name="object 19"/>
            <p:cNvSpPr/>
            <p:nvPr/>
          </p:nvSpPr>
          <p:spPr>
            <a:xfrm>
              <a:off x="3121152" y="4837175"/>
              <a:ext cx="3806190" cy="677418"/>
            </a:xfrm>
            <a:prstGeom prst="rect">
              <a:avLst/>
            </a:prstGeom>
            <a:blipFill>
              <a:blip r:embed="rId10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0" name="object 20"/>
            <p:cNvSpPr/>
            <p:nvPr/>
          </p:nvSpPr>
          <p:spPr>
            <a:xfrm>
              <a:off x="2942844" y="5202935"/>
              <a:ext cx="505206" cy="677417"/>
            </a:xfrm>
            <a:prstGeom prst="rect">
              <a:avLst/>
            </a:prstGeom>
            <a:blipFill>
              <a:blip r:embed="rId4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1" name="object 21"/>
            <p:cNvSpPr/>
            <p:nvPr/>
          </p:nvSpPr>
          <p:spPr>
            <a:xfrm>
              <a:off x="3121152" y="5202935"/>
              <a:ext cx="5880354" cy="677417"/>
            </a:xfrm>
            <a:prstGeom prst="rect">
              <a:avLst/>
            </a:prstGeom>
            <a:blipFill>
              <a:blip r:embed="rId11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2" name="object 22"/>
          <p:cNvSpPr txBox="1"/>
          <p:nvPr/>
        </p:nvSpPr>
        <p:spPr>
          <a:xfrm>
            <a:off x="3126994" y="3455923"/>
            <a:ext cx="5681345" cy="222059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90500" indent="-178435">
              <a:lnSpc>
                <a:spcPct val="100000"/>
              </a:lnSpc>
              <a:spcBef>
                <a:spcPts val="100"/>
              </a:spcBef>
              <a:buChar char="-"/>
              <a:tabLst>
                <a:tab pos="191135" algn="l"/>
              </a:tabLst>
            </a:pP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Hình ảnh, âm </a:t>
            </a: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thanh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trên</a:t>
            </a:r>
            <a:r>
              <a:rPr sz="2400" b="1" spc="-110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Google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hông nền bài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giảng trên</a:t>
            </a:r>
            <a:r>
              <a:rPr sz="2400" b="1" spc="-9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Google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Nhạc nền bài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giảng trên</a:t>
            </a:r>
            <a:r>
              <a:rPr sz="2400" b="1" spc="-3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Google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Phần mềm</a:t>
            </a:r>
            <a:r>
              <a:rPr sz="2400" b="1" spc="-1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owerPoint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Phần mềm </a:t>
            </a: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iSpring Suite</a:t>
            </a:r>
            <a:r>
              <a:rPr sz="2400" b="1" spc="-25" dirty="0">
                <a:solidFill>
                  <a:srgbClr val="FF0000"/>
                </a:solidFill>
                <a:latin typeface="Times New Roman"/>
                <a:cs typeface="Times New Roman"/>
              </a:rPr>
              <a:t>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9</a:t>
            </a:r>
            <a:endParaRPr sz="2400">
              <a:latin typeface="Times New Roman"/>
              <a:cs typeface="Times New Roman"/>
            </a:endParaRPr>
          </a:p>
          <a:p>
            <a:pPr marL="190500" indent="-178435">
              <a:lnSpc>
                <a:spcPct val="100000"/>
              </a:lnSpc>
              <a:buChar char="-"/>
              <a:tabLst>
                <a:tab pos="191135" algn="l"/>
              </a:tabLst>
            </a:pP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Phần </a:t>
            </a:r>
            <a:r>
              <a:rPr sz="2400" b="1" dirty="0">
                <a:solidFill>
                  <a:srgbClr val="FF0000"/>
                </a:solidFill>
                <a:latin typeface="Times New Roman"/>
                <a:cs typeface="Times New Roman"/>
              </a:rPr>
              <a:t>mềm cắt ghép </a:t>
            </a:r>
            <a:r>
              <a:rPr sz="2400" b="1" spc="-5" dirty="0">
                <a:solidFill>
                  <a:srgbClr val="FF0000"/>
                </a:solidFill>
                <a:latin typeface="Times New Roman"/>
                <a:cs typeface="Times New Roman"/>
              </a:rPr>
              <a:t>nhạc Format</a:t>
            </a:r>
            <a:r>
              <a:rPr sz="2400" b="1" spc="-20" dirty="0">
                <a:solidFill>
                  <a:srgbClr val="FF0000"/>
                </a:solidFill>
                <a:latin typeface="Times New Roman"/>
                <a:cs typeface="Times New Roman"/>
              </a:rPr>
              <a:t> Factory.</a:t>
            </a:r>
            <a:endParaRPr sz="24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/>
          <p:nvPr/>
        </p:nvSpPr>
        <p:spPr>
          <a:xfrm>
            <a:off x="9195943" y="1854453"/>
            <a:ext cx="1454785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b="1" dirty="0">
                <a:solidFill>
                  <a:srgbClr val="0D2745"/>
                </a:solidFill>
                <a:latin typeface="Times New Roman"/>
                <a:cs typeface="Times New Roman"/>
              </a:rPr>
              <a:t>3. Kết</a:t>
            </a:r>
            <a:r>
              <a:rPr sz="2400" b="1" spc="-90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24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thúc</a:t>
            </a:r>
            <a:endParaRPr sz="2400">
              <a:latin typeface="Times New Roman"/>
              <a:cs typeface="Times New Roman"/>
            </a:endParaRPr>
          </a:p>
        </p:txBody>
      </p:sp>
      <p:grpSp>
        <p:nvGrpSpPr>
          <p:cNvPr id="3" name="object 3"/>
          <p:cNvGrpSpPr/>
          <p:nvPr/>
        </p:nvGrpSpPr>
        <p:grpSpPr>
          <a:xfrm>
            <a:off x="304800" y="1444752"/>
            <a:ext cx="3124200" cy="4114800"/>
            <a:chOff x="304800" y="1444752"/>
            <a:chExt cx="3124200" cy="4114800"/>
          </a:xfrm>
        </p:grpSpPr>
        <p:sp>
          <p:nvSpPr>
            <p:cNvPr id="4" name="object 4"/>
            <p:cNvSpPr/>
            <p:nvPr/>
          </p:nvSpPr>
          <p:spPr>
            <a:xfrm>
              <a:off x="304800" y="1444751"/>
              <a:ext cx="3124200" cy="4114800"/>
            </a:xfrm>
            <a:custGeom>
              <a:avLst/>
              <a:gdLst/>
              <a:ahLst/>
              <a:cxnLst/>
              <a:rect l="l" t="t" r="r" b="b"/>
              <a:pathLst>
                <a:path w="3124200" h="4114800">
                  <a:moveTo>
                    <a:pt x="3124200" y="520700"/>
                  </a:moveTo>
                  <a:lnTo>
                    <a:pt x="3122066" y="473316"/>
                  </a:lnTo>
                  <a:lnTo>
                    <a:pt x="3115805" y="427126"/>
                  </a:lnTo>
                  <a:lnTo>
                    <a:pt x="3105594" y="382295"/>
                  </a:lnTo>
                  <a:lnTo>
                    <a:pt x="3091611" y="339039"/>
                  </a:lnTo>
                  <a:lnTo>
                    <a:pt x="3074047" y="297510"/>
                  </a:lnTo>
                  <a:lnTo>
                    <a:pt x="3053092" y="257924"/>
                  </a:lnTo>
                  <a:lnTo>
                    <a:pt x="3028924" y="220433"/>
                  </a:lnTo>
                  <a:lnTo>
                    <a:pt x="3001721" y="185242"/>
                  </a:lnTo>
                  <a:lnTo>
                    <a:pt x="2971660" y="152539"/>
                  </a:lnTo>
                  <a:lnTo>
                    <a:pt x="2938957" y="122478"/>
                  </a:lnTo>
                  <a:lnTo>
                    <a:pt x="2903766" y="95275"/>
                  </a:lnTo>
                  <a:lnTo>
                    <a:pt x="2866275" y="71107"/>
                  </a:lnTo>
                  <a:lnTo>
                    <a:pt x="2826689" y="50152"/>
                  </a:lnTo>
                  <a:lnTo>
                    <a:pt x="2785160" y="32588"/>
                  </a:lnTo>
                  <a:lnTo>
                    <a:pt x="2741904" y="18605"/>
                  </a:lnTo>
                  <a:lnTo>
                    <a:pt x="2697073" y="8394"/>
                  </a:lnTo>
                  <a:lnTo>
                    <a:pt x="2650883" y="2133"/>
                  </a:lnTo>
                  <a:lnTo>
                    <a:pt x="2603500" y="0"/>
                  </a:lnTo>
                  <a:lnTo>
                    <a:pt x="520712" y="0"/>
                  </a:lnTo>
                  <a:lnTo>
                    <a:pt x="473316" y="2133"/>
                  </a:lnTo>
                  <a:lnTo>
                    <a:pt x="427113" y="8394"/>
                  </a:lnTo>
                  <a:lnTo>
                    <a:pt x="382282" y="18605"/>
                  </a:lnTo>
                  <a:lnTo>
                    <a:pt x="339013" y="32588"/>
                  </a:lnTo>
                  <a:lnTo>
                    <a:pt x="297484" y="50152"/>
                  </a:lnTo>
                  <a:lnTo>
                    <a:pt x="257898" y="71107"/>
                  </a:lnTo>
                  <a:lnTo>
                    <a:pt x="220408" y="95275"/>
                  </a:lnTo>
                  <a:lnTo>
                    <a:pt x="185216" y="122478"/>
                  </a:lnTo>
                  <a:lnTo>
                    <a:pt x="152514" y="152527"/>
                  </a:lnTo>
                  <a:lnTo>
                    <a:pt x="122453" y="185242"/>
                  </a:lnTo>
                  <a:lnTo>
                    <a:pt x="95262" y="220433"/>
                  </a:lnTo>
                  <a:lnTo>
                    <a:pt x="71081" y="257924"/>
                  </a:lnTo>
                  <a:lnTo>
                    <a:pt x="50126" y="297510"/>
                  </a:lnTo>
                  <a:lnTo>
                    <a:pt x="32575" y="339039"/>
                  </a:lnTo>
                  <a:lnTo>
                    <a:pt x="18592" y="382295"/>
                  </a:lnTo>
                  <a:lnTo>
                    <a:pt x="8382" y="427126"/>
                  </a:lnTo>
                  <a:lnTo>
                    <a:pt x="2120" y="473316"/>
                  </a:lnTo>
                  <a:lnTo>
                    <a:pt x="0" y="520700"/>
                  </a:lnTo>
                  <a:lnTo>
                    <a:pt x="0" y="3594100"/>
                  </a:lnTo>
                  <a:lnTo>
                    <a:pt x="2120" y="3641496"/>
                  </a:lnTo>
                  <a:lnTo>
                    <a:pt x="8382" y="3687686"/>
                  </a:lnTo>
                  <a:lnTo>
                    <a:pt x="18592" y="3732517"/>
                  </a:lnTo>
                  <a:lnTo>
                    <a:pt x="32575" y="3775773"/>
                  </a:lnTo>
                  <a:lnTo>
                    <a:pt x="50126" y="3817302"/>
                  </a:lnTo>
                  <a:lnTo>
                    <a:pt x="71081" y="3856888"/>
                  </a:lnTo>
                  <a:lnTo>
                    <a:pt x="95262" y="3894378"/>
                  </a:lnTo>
                  <a:lnTo>
                    <a:pt x="122453" y="3929570"/>
                  </a:lnTo>
                  <a:lnTo>
                    <a:pt x="152501" y="3962285"/>
                  </a:lnTo>
                  <a:lnTo>
                    <a:pt x="185216" y="3992334"/>
                  </a:lnTo>
                  <a:lnTo>
                    <a:pt x="220408" y="4019537"/>
                  </a:lnTo>
                  <a:lnTo>
                    <a:pt x="257898" y="4043705"/>
                  </a:lnTo>
                  <a:lnTo>
                    <a:pt x="297484" y="4064660"/>
                  </a:lnTo>
                  <a:lnTo>
                    <a:pt x="339013" y="4082224"/>
                  </a:lnTo>
                  <a:lnTo>
                    <a:pt x="382282" y="4096207"/>
                  </a:lnTo>
                  <a:lnTo>
                    <a:pt x="427113" y="4106418"/>
                  </a:lnTo>
                  <a:lnTo>
                    <a:pt x="473316" y="4112679"/>
                  </a:lnTo>
                  <a:lnTo>
                    <a:pt x="520712" y="4114800"/>
                  </a:lnTo>
                  <a:lnTo>
                    <a:pt x="2603500" y="4114800"/>
                  </a:lnTo>
                  <a:lnTo>
                    <a:pt x="2650883" y="4112679"/>
                  </a:lnTo>
                  <a:lnTo>
                    <a:pt x="2697073" y="4106418"/>
                  </a:lnTo>
                  <a:lnTo>
                    <a:pt x="2741904" y="4096207"/>
                  </a:lnTo>
                  <a:lnTo>
                    <a:pt x="2785160" y="4082224"/>
                  </a:lnTo>
                  <a:lnTo>
                    <a:pt x="2826689" y="4064660"/>
                  </a:lnTo>
                  <a:lnTo>
                    <a:pt x="2866275" y="4043705"/>
                  </a:lnTo>
                  <a:lnTo>
                    <a:pt x="2903766" y="4019537"/>
                  </a:lnTo>
                  <a:lnTo>
                    <a:pt x="2938957" y="3992334"/>
                  </a:lnTo>
                  <a:lnTo>
                    <a:pt x="2971660" y="3962273"/>
                  </a:lnTo>
                  <a:lnTo>
                    <a:pt x="3001721" y="3929570"/>
                  </a:lnTo>
                  <a:lnTo>
                    <a:pt x="3028924" y="3894378"/>
                  </a:lnTo>
                  <a:lnTo>
                    <a:pt x="3053092" y="3856888"/>
                  </a:lnTo>
                  <a:lnTo>
                    <a:pt x="3074047" y="3817302"/>
                  </a:lnTo>
                  <a:lnTo>
                    <a:pt x="3091611" y="3775773"/>
                  </a:lnTo>
                  <a:lnTo>
                    <a:pt x="3105594" y="3732517"/>
                  </a:lnTo>
                  <a:lnTo>
                    <a:pt x="3115805" y="3687686"/>
                  </a:lnTo>
                  <a:lnTo>
                    <a:pt x="3122066" y="3641496"/>
                  </a:lnTo>
                  <a:lnTo>
                    <a:pt x="3124200" y="3594100"/>
                  </a:lnTo>
                  <a:lnTo>
                    <a:pt x="3124200" y="520700"/>
                  </a:lnTo>
                  <a:close/>
                </a:path>
              </a:pathLst>
            </a:custGeom>
            <a:solidFill>
              <a:srgbClr val="F1F1F1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5" name="object 5"/>
            <p:cNvSpPr/>
            <p:nvPr/>
          </p:nvSpPr>
          <p:spPr>
            <a:xfrm>
              <a:off x="502920" y="1696212"/>
              <a:ext cx="2714625" cy="727075"/>
            </a:xfrm>
            <a:custGeom>
              <a:avLst/>
              <a:gdLst/>
              <a:ahLst/>
              <a:cxnLst/>
              <a:rect l="l" t="t" r="r" b="b"/>
              <a:pathLst>
                <a:path w="2714625" h="727075">
                  <a:moveTo>
                    <a:pt x="0" y="121158"/>
                  </a:moveTo>
                  <a:lnTo>
                    <a:pt x="9520" y="73991"/>
                  </a:lnTo>
                  <a:lnTo>
                    <a:pt x="35485" y="35480"/>
                  </a:lnTo>
                  <a:lnTo>
                    <a:pt x="73996" y="9519"/>
                  </a:lnTo>
                  <a:lnTo>
                    <a:pt x="121157" y="0"/>
                  </a:lnTo>
                  <a:lnTo>
                    <a:pt x="2593086" y="0"/>
                  </a:lnTo>
                  <a:lnTo>
                    <a:pt x="2640252" y="9519"/>
                  </a:lnTo>
                  <a:lnTo>
                    <a:pt x="2678763" y="35480"/>
                  </a:lnTo>
                  <a:lnTo>
                    <a:pt x="2704724" y="73991"/>
                  </a:lnTo>
                  <a:lnTo>
                    <a:pt x="2714244" y="121158"/>
                  </a:lnTo>
                  <a:lnTo>
                    <a:pt x="2714244" y="605789"/>
                  </a:lnTo>
                  <a:lnTo>
                    <a:pt x="2704724" y="652956"/>
                  </a:lnTo>
                  <a:lnTo>
                    <a:pt x="2678763" y="691467"/>
                  </a:lnTo>
                  <a:lnTo>
                    <a:pt x="2640252" y="717428"/>
                  </a:lnTo>
                  <a:lnTo>
                    <a:pt x="2593086" y="726948"/>
                  </a:lnTo>
                  <a:lnTo>
                    <a:pt x="121157" y="726948"/>
                  </a:lnTo>
                  <a:lnTo>
                    <a:pt x="73996" y="717428"/>
                  </a:lnTo>
                  <a:lnTo>
                    <a:pt x="35485" y="691467"/>
                  </a:lnTo>
                  <a:lnTo>
                    <a:pt x="9520" y="652956"/>
                  </a:lnTo>
                  <a:lnTo>
                    <a:pt x="0" y="605789"/>
                  </a:lnTo>
                  <a:lnTo>
                    <a:pt x="0" y="121158"/>
                  </a:lnTo>
                  <a:close/>
                </a:path>
              </a:pathLst>
            </a:custGeom>
            <a:ln w="12700">
              <a:solidFill>
                <a:srgbClr val="2E528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6" name="object 6"/>
          <p:cNvSpPr txBox="1">
            <a:spLocks noGrp="1"/>
          </p:cNvSpPr>
          <p:nvPr>
            <p:ph type="title"/>
          </p:nvPr>
        </p:nvSpPr>
        <p:spPr>
          <a:xfrm>
            <a:off x="790448" y="1854453"/>
            <a:ext cx="2139315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dirty="0"/>
              <a:t>1. Gây </a:t>
            </a:r>
            <a:r>
              <a:rPr sz="2400" spc="-5" dirty="0"/>
              <a:t>hứng</a:t>
            </a:r>
            <a:r>
              <a:rPr sz="2400" spc="-95" dirty="0"/>
              <a:t> </a:t>
            </a:r>
            <a:r>
              <a:rPr sz="2400" dirty="0"/>
              <a:t>thú</a:t>
            </a:r>
            <a:endParaRPr sz="2400"/>
          </a:p>
        </p:txBody>
      </p:sp>
      <p:grpSp>
        <p:nvGrpSpPr>
          <p:cNvPr id="7" name="object 7"/>
          <p:cNvGrpSpPr/>
          <p:nvPr/>
        </p:nvGrpSpPr>
        <p:grpSpPr>
          <a:xfrm>
            <a:off x="504190" y="2528061"/>
            <a:ext cx="2725420" cy="627380"/>
            <a:chOff x="504190" y="2528061"/>
            <a:chExt cx="2725420" cy="627380"/>
          </a:xfrm>
        </p:grpSpPr>
        <p:sp>
          <p:nvSpPr>
            <p:cNvPr id="8" name="object 8"/>
            <p:cNvSpPr/>
            <p:nvPr/>
          </p:nvSpPr>
          <p:spPr>
            <a:xfrm>
              <a:off x="510540" y="2534411"/>
              <a:ext cx="2712720" cy="614680"/>
            </a:xfrm>
            <a:custGeom>
              <a:avLst/>
              <a:gdLst/>
              <a:ahLst/>
              <a:cxnLst/>
              <a:rect l="l" t="t" r="r" b="b"/>
              <a:pathLst>
                <a:path w="2712720" h="614680">
                  <a:moveTo>
                    <a:pt x="2610358" y="0"/>
                  </a:moveTo>
                  <a:lnTo>
                    <a:pt x="102361" y="0"/>
                  </a:lnTo>
                  <a:lnTo>
                    <a:pt x="62520" y="8046"/>
                  </a:lnTo>
                  <a:lnTo>
                    <a:pt x="29983" y="29987"/>
                  </a:lnTo>
                  <a:lnTo>
                    <a:pt x="8044" y="62525"/>
                  </a:lnTo>
                  <a:lnTo>
                    <a:pt x="0" y="102362"/>
                  </a:lnTo>
                  <a:lnTo>
                    <a:pt x="0" y="511810"/>
                  </a:lnTo>
                  <a:lnTo>
                    <a:pt x="8044" y="551646"/>
                  </a:lnTo>
                  <a:lnTo>
                    <a:pt x="29983" y="584184"/>
                  </a:lnTo>
                  <a:lnTo>
                    <a:pt x="62520" y="606125"/>
                  </a:lnTo>
                  <a:lnTo>
                    <a:pt x="102361" y="614172"/>
                  </a:lnTo>
                  <a:lnTo>
                    <a:pt x="2610358" y="614172"/>
                  </a:lnTo>
                  <a:lnTo>
                    <a:pt x="2650194" y="606125"/>
                  </a:lnTo>
                  <a:lnTo>
                    <a:pt x="2682732" y="584184"/>
                  </a:lnTo>
                  <a:lnTo>
                    <a:pt x="2704673" y="551646"/>
                  </a:lnTo>
                  <a:lnTo>
                    <a:pt x="2712720" y="511810"/>
                  </a:lnTo>
                  <a:lnTo>
                    <a:pt x="2712720" y="102362"/>
                  </a:lnTo>
                  <a:lnTo>
                    <a:pt x="2704673" y="62525"/>
                  </a:lnTo>
                  <a:lnTo>
                    <a:pt x="2682732" y="29987"/>
                  </a:lnTo>
                  <a:lnTo>
                    <a:pt x="2650194" y="8046"/>
                  </a:lnTo>
                  <a:lnTo>
                    <a:pt x="2610358" y="0"/>
                  </a:lnTo>
                  <a:close/>
                </a:path>
              </a:pathLst>
            </a:custGeom>
            <a:solidFill>
              <a:srgbClr val="F1F1F1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9" name="object 9"/>
            <p:cNvSpPr/>
            <p:nvPr/>
          </p:nvSpPr>
          <p:spPr>
            <a:xfrm>
              <a:off x="510540" y="2534411"/>
              <a:ext cx="2712720" cy="614680"/>
            </a:xfrm>
            <a:custGeom>
              <a:avLst/>
              <a:gdLst/>
              <a:ahLst/>
              <a:cxnLst/>
              <a:rect l="l" t="t" r="r" b="b"/>
              <a:pathLst>
                <a:path w="2712720" h="614680">
                  <a:moveTo>
                    <a:pt x="0" y="102362"/>
                  </a:moveTo>
                  <a:lnTo>
                    <a:pt x="8044" y="62525"/>
                  </a:lnTo>
                  <a:lnTo>
                    <a:pt x="29983" y="29987"/>
                  </a:lnTo>
                  <a:lnTo>
                    <a:pt x="62520" y="8046"/>
                  </a:lnTo>
                  <a:lnTo>
                    <a:pt x="102361" y="0"/>
                  </a:lnTo>
                  <a:lnTo>
                    <a:pt x="2610358" y="0"/>
                  </a:lnTo>
                  <a:lnTo>
                    <a:pt x="2650194" y="8046"/>
                  </a:lnTo>
                  <a:lnTo>
                    <a:pt x="2682732" y="29987"/>
                  </a:lnTo>
                  <a:lnTo>
                    <a:pt x="2704673" y="62525"/>
                  </a:lnTo>
                  <a:lnTo>
                    <a:pt x="2712720" y="102362"/>
                  </a:lnTo>
                  <a:lnTo>
                    <a:pt x="2712720" y="511810"/>
                  </a:lnTo>
                  <a:lnTo>
                    <a:pt x="2704673" y="551646"/>
                  </a:lnTo>
                  <a:lnTo>
                    <a:pt x="2682732" y="584184"/>
                  </a:lnTo>
                  <a:lnTo>
                    <a:pt x="2650194" y="606125"/>
                  </a:lnTo>
                  <a:lnTo>
                    <a:pt x="2610358" y="614172"/>
                  </a:lnTo>
                  <a:lnTo>
                    <a:pt x="102361" y="614172"/>
                  </a:lnTo>
                  <a:lnTo>
                    <a:pt x="62520" y="606125"/>
                  </a:lnTo>
                  <a:lnTo>
                    <a:pt x="29983" y="584184"/>
                  </a:lnTo>
                  <a:lnTo>
                    <a:pt x="8044" y="551646"/>
                  </a:lnTo>
                  <a:lnTo>
                    <a:pt x="0" y="511810"/>
                  </a:lnTo>
                  <a:lnTo>
                    <a:pt x="0" y="102362"/>
                  </a:lnTo>
                  <a:close/>
                </a:path>
              </a:pathLst>
            </a:custGeom>
            <a:ln w="12700">
              <a:solidFill>
                <a:srgbClr val="BD54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0" name="object 10"/>
          <p:cNvSpPr txBox="1"/>
          <p:nvPr/>
        </p:nvSpPr>
        <p:spPr>
          <a:xfrm>
            <a:off x="739546" y="2547873"/>
            <a:ext cx="2254250" cy="574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algn="ctr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Bài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hát: Cho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tôi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đi</a:t>
            </a:r>
            <a:r>
              <a:rPr sz="1800" b="1" spc="-70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làm</a:t>
            </a:r>
            <a:endParaRPr sz="1800">
              <a:latin typeface="Times New Roman"/>
              <a:cs typeface="Times New Roman"/>
            </a:endParaRPr>
          </a:p>
          <a:p>
            <a:pPr marL="1905" algn="ctr">
              <a:lnSpc>
                <a:spcPct val="100000"/>
              </a:lnSpc>
            </a:pP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mưa</a:t>
            </a:r>
            <a:r>
              <a:rPr sz="1800" b="1" spc="-25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với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11" name="object 11"/>
          <p:cNvGrpSpPr/>
          <p:nvPr/>
        </p:nvGrpSpPr>
        <p:grpSpPr>
          <a:xfrm>
            <a:off x="3924300" y="1444752"/>
            <a:ext cx="4038600" cy="4114800"/>
            <a:chOff x="3924300" y="1444752"/>
            <a:chExt cx="4038600" cy="4114800"/>
          </a:xfrm>
        </p:grpSpPr>
        <p:sp>
          <p:nvSpPr>
            <p:cNvPr id="12" name="object 12"/>
            <p:cNvSpPr/>
            <p:nvPr/>
          </p:nvSpPr>
          <p:spPr>
            <a:xfrm>
              <a:off x="3924300" y="1444752"/>
              <a:ext cx="4038600" cy="4114800"/>
            </a:xfrm>
            <a:prstGeom prst="rect">
              <a:avLst/>
            </a:prstGeom>
            <a:blipFill>
              <a:blip r:embed="rId2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3" name="object 13"/>
            <p:cNvSpPr/>
            <p:nvPr/>
          </p:nvSpPr>
          <p:spPr>
            <a:xfrm>
              <a:off x="4299204" y="1696212"/>
              <a:ext cx="3211195" cy="727075"/>
            </a:xfrm>
            <a:custGeom>
              <a:avLst/>
              <a:gdLst/>
              <a:ahLst/>
              <a:cxnLst/>
              <a:rect l="l" t="t" r="r" b="b"/>
              <a:pathLst>
                <a:path w="3211195" h="727075">
                  <a:moveTo>
                    <a:pt x="3089910" y="0"/>
                  </a:moveTo>
                  <a:lnTo>
                    <a:pt x="121158" y="0"/>
                  </a:lnTo>
                  <a:lnTo>
                    <a:pt x="73991" y="9519"/>
                  </a:lnTo>
                  <a:lnTo>
                    <a:pt x="35480" y="35480"/>
                  </a:lnTo>
                  <a:lnTo>
                    <a:pt x="9519" y="73991"/>
                  </a:lnTo>
                  <a:lnTo>
                    <a:pt x="0" y="121158"/>
                  </a:lnTo>
                  <a:lnTo>
                    <a:pt x="0" y="605789"/>
                  </a:lnTo>
                  <a:lnTo>
                    <a:pt x="9519" y="652956"/>
                  </a:lnTo>
                  <a:lnTo>
                    <a:pt x="35480" y="691467"/>
                  </a:lnTo>
                  <a:lnTo>
                    <a:pt x="73991" y="717428"/>
                  </a:lnTo>
                  <a:lnTo>
                    <a:pt x="121158" y="726948"/>
                  </a:lnTo>
                  <a:lnTo>
                    <a:pt x="3089910" y="726948"/>
                  </a:lnTo>
                  <a:lnTo>
                    <a:pt x="3137076" y="717428"/>
                  </a:lnTo>
                  <a:lnTo>
                    <a:pt x="3175587" y="691467"/>
                  </a:lnTo>
                  <a:lnTo>
                    <a:pt x="3201548" y="652956"/>
                  </a:lnTo>
                  <a:lnTo>
                    <a:pt x="3211068" y="605789"/>
                  </a:lnTo>
                  <a:lnTo>
                    <a:pt x="3211068" y="121158"/>
                  </a:lnTo>
                  <a:lnTo>
                    <a:pt x="3201548" y="73991"/>
                  </a:lnTo>
                  <a:lnTo>
                    <a:pt x="3175587" y="35480"/>
                  </a:lnTo>
                  <a:lnTo>
                    <a:pt x="3137076" y="9519"/>
                  </a:lnTo>
                  <a:lnTo>
                    <a:pt x="3089910" y="0"/>
                  </a:lnTo>
                  <a:close/>
                </a:path>
              </a:pathLst>
            </a:custGeom>
            <a:solidFill>
              <a:srgbClr val="FFF1CC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4" name="object 14"/>
            <p:cNvSpPr/>
            <p:nvPr/>
          </p:nvSpPr>
          <p:spPr>
            <a:xfrm>
              <a:off x="4299204" y="1696212"/>
              <a:ext cx="3211195" cy="727075"/>
            </a:xfrm>
            <a:custGeom>
              <a:avLst/>
              <a:gdLst/>
              <a:ahLst/>
              <a:cxnLst/>
              <a:rect l="l" t="t" r="r" b="b"/>
              <a:pathLst>
                <a:path w="3211195" h="727075">
                  <a:moveTo>
                    <a:pt x="0" y="121158"/>
                  </a:moveTo>
                  <a:lnTo>
                    <a:pt x="9519" y="73991"/>
                  </a:lnTo>
                  <a:lnTo>
                    <a:pt x="35480" y="35480"/>
                  </a:lnTo>
                  <a:lnTo>
                    <a:pt x="73991" y="9519"/>
                  </a:lnTo>
                  <a:lnTo>
                    <a:pt x="121158" y="0"/>
                  </a:lnTo>
                  <a:lnTo>
                    <a:pt x="3089910" y="0"/>
                  </a:lnTo>
                  <a:lnTo>
                    <a:pt x="3137076" y="9519"/>
                  </a:lnTo>
                  <a:lnTo>
                    <a:pt x="3175587" y="35480"/>
                  </a:lnTo>
                  <a:lnTo>
                    <a:pt x="3201548" y="73991"/>
                  </a:lnTo>
                  <a:lnTo>
                    <a:pt x="3211068" y="121158"/>
                  </a:lnTo>
                  <a:lnTo>
                    <a:pt x="3211068" y="605789"/>
                  </a:lnTo>
                  <a:lnTo>
                    <a:pt x="3201548" y="652956"/>
                  </a:lnTo>
                  <a:lnTo>
                    <a:pt x="3175587" y="691467"/>
                  </a:lnTo>
                  <a:lnTo>
                    <a:pt x="3137076" y="717428"/>
                  </a:lnTo>
                  <a:lnTo>
                    <a:pt x="3089910" y="726948"/>
                  </a:lnTo>
                  <a:lnTo>
                    <a:pt x="121158" y="726948"/>
                  </a:lnTo>
                  <a:lnTo>
                    <a:pt x="73991" y="717428"/>
                  </a:lnTo>
                  <a:lnTo>
                    <a:pt x="35480" y="691467"/>
                  </a:lnTo>
                  <a:lnTo>
                    <a:pt x="9519" y="652956"/>
                  </a:lnTo>
                  <a:lnTo>
                    <a:pt x="0" y="605789"/>
                  </a:lnTo>
                  <a:lnTo>
                    <a:pt x="0" y="121158"/>
                  </a:lnTo>
                  <a:close/>
                </a:path>
              </a:pathLst>
            </a:custGeom>
            <a:ln w="12700">
              <a:solidFill>
                <a:srgbClr val="2E528F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5" name="object 15"/>
          <p:cNvSpPr txBox="1"/>
          <p:nvPr/>
        </p:nvSpPr>
        <p:spPr>
          <a:xfrm>
            <a:off x="4634865" y="1854453"/>
            <a:ext cx="2541905" cy="39116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2400" b="1" dirty="0">
                <a:solidFill>
                  <a:srgbClr val="0D2745"/>
                </a:solidFill>
                <a:latin typeface="Times New Roman"/>
                <a:cs typeface="Times New Roman"/>
              </a:rPr>
              <a:t>2. </a:t>
            </a:r>
            <a:r>
              <a:rPr sz="24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Nội dung bài</a:t>
            </a:r>
            <a:r>
              <a:rPr sz="2400" b="1" spc="-45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24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học</a:t>
            </a:r>
            <a:endParaRPr sz="2400">
              <a:latin typeface="Times New Roman"/>
              <a:cs typeface="Times New Roman"/>
            </a:endParaRPr>
          </a:p>
        </p:txBody>
      </p:sp>
      <p:grpSp>
        <p:nvGrpSpPr>
          <p:cNvPr id="16" name="object 16"/>
          <p:cNvGrpSpPr/>
          <p:nvPr/>
        </p:nvGrpSpPr>
        <p:grpSpPr>
          <a:xfrm>
            <a:off x="4330953" y="2528061"/>
            <a:ext cx="3225800" cy="833119"/>
            <a:chOff x="4330953" y="2528061"/>
            <a:chExt cx="3225800" cy="833119"/>
          </a:xfrm>
        </p:grpSpPr>
        <p:sp>
          <p:nvSpPr>
            <p:cNvPr id="17" name="object 17"/>
            <p:cNvSpPr/>
            <p:nvPr/>
          </p:nvSpPr>
          <p:spPr>
            <a:xfrm>
              <a:off x="4337303" y="2534411"/>
              <a:ext cx="3213100" cy="820419"/>
            </a:xfrm>
            <a:custGeom>
              <a:avLst/>
              <a:gdLst/>
              <a:ahLst/>
              <a:cxnLst/>
              <a:rect l="l" t="t" r="r" b="b"/>
              <a:pathLst>
                <a:path w="3213100" h="820420">
                  <a:moveTo>
                    <a:pt x="3075940" y="0"/>
                  </a:moveTo>
                  <a:lnTo>
                    <a:pt x="136651" y="0"/>
                  </a:lnTo>
                  <a:lnTo>
                    <a:pt x="93471" y="6969"/>
                  </a:lnTo>
                  <a:lnTo>
                    <a:pt x="55961" y="26375"/>
                  </a:lnTo>
                  <a:lnTo>
                    <a:pt x="26375" y="55961"/>
                  </a:lnTo>
                  <a:lnTo>
                    <a:pt x="6969" y="93472"/>
                  </a:lnTo>
                  <a:lnTo>
                    <a:pt x="0" y="136651"/>
                  </a:lnTo>
                  <a:lnTo>
                    <a:pt x="0" y="683260"/>
                  </a:lnTo>
                  <a:lnTo>
                    <a:pt x="6969" y="726440"/>
                  </a:lnTo>
                  <a:lnTo>
                    <a:pt x="26375" y="763950"/>
                  </a:lnTo>
                  <a:lnTo>
                    <a:pt x="55961" y="793536"/>
                  </a:lnTo>
                  <a:lnTo>
                    <a:pt x="93472" y="812942"/>
                  </a:lnTo>
                  <a:lnTo>
                    <a:pt x="136651" y="819912"/>
                  </a:lnTo>
                  <a:lnTo>
                    <a:pt x="3075940" y="819912"/>
                  </a:lnTo>
                  <a:lnTo>
                    <a:pt x="3119119" y="812942"/>
                  </a:lnTo>
                  <a:lnTo>
                    <a:pt x="3156630" y="793536"/>
                  </a:lnTo>
                  <a:lnTo>
                    <a:pt x="3186216" y="763950"/>
                  </a:lnTo>
                  <a:lnTo>
                    <a:pt x="3205622" y="726439"/>
                  </a:lnTo>
                  <a:lnTo>
                    <a:pt x="3212592" y="683260"/>
                  </a:lnTo>
                  <a:lnTo>
                    <a:pt x="3212592" y="136651"/>
                  </a:lnTo>
                  <a:lnTo>
                    <a:pt x="3205622" y="93471"/>
                  </a:lnTo>
                  <a:lnTo>
                    <a:pt x="3186216" y="55961"/>
                  </a:lnTo>
                  <a:lnTo>
                    <a:pt x="3156630" y="26375"/>
                  </a:lnTo>
                  <a:lnTo>
                    <a:pt x="3119120" y="6969"/>
                  </a:lnTo>
                  <a:lnTo>
                    <a:pt x="3075940" y="0"/>
                  </a:lnTo>
                  <a:close/>
                </a:path>
              </a:pathLst>
            </a:custGeom>
            <a:solidFill>
              <a:srgbClr val="FFF1CC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18" name="object 18"/>
            <p:cNvSpPr/>
            <p:nvPr/>
          </p:nvSpPr>
          <p:spPr>
            <a:xfrm>
              <a:off x="4337303" y="2534411"/>
              <a:ext cx="3213100" cy="820419"/>
            </a:xfrm>
            <a:custGeom>
              <a:avLst/>
              <a:gdLst/>
              <a:ahLst/>
              <a:cxnLst/>
              <a:rect l="l" t="t" r="r" b="b"/>
              <a:pathLst>
                <a:path w="3213100" h="820420">
                  <a:moveTo>
                    <a:pt x="0" y="136651"/>
                  </a:moveTo>
                  <a:lnTo>
                    <a:pt x="6969" y="93472"/>
                  </a:lnTo>
                  <a:lnTo>
                    <a:pt x="26375" y="55961"/>
                  </a:lnTo>
                  <a:lnTo>
                    <a:pt x="55961" y="26375"/>
                  </a:lnTo>
                  <a:lnTo>
                    <a:pt x="93471" y="6969"/>
                  </a:lnTo>
                  <a:lnTo>
                    <a:pt x="136651" y="0"/>
                  </a:lnTo>
                  <a:lnTo>
                    <a:pt x="3075940" y="0"/>
                  </a:lnTo>
                  <a:lnTo>
                    <a:pt x="3119120" y="6969"/>
                  </a:lnTo>
                  <a:lnTo>
                    <a:pt x="3156630" y="26375"/>
                  </a:lnTo>
                  <a:lnTo>
                    <a:pt x="3186216" y="55961"/>
                  </a:lnTo>
                  <a:lnTo>
                    <a:pt x="3205622" y="93471"/>
                  </a:lnTo>
                  <a:lnTo>
                    <a:pt x="3212592" y="136651"/>
                  </a:lnTo>
                  <a:lnTo>
                    <a:pt x="3212592" y="683260"/>
                  </a:lnTo>
                  <a:lnTo>
                    <a:pt x="3205622" y="726439"/>
                  </a:lnTo>
                  <a:lnTo>
                    <a:pt x="3186216" y="763950"/>
                  </a:lnTo>
                  <a:lnTo>
                    <a:pt x="3156630" y="793536"/>
                  </a:lnTo>
                  <a:lnTo>
                    <a:pt x="3119119" y="812942"/>
                  </a:lnTo>
                  <a:lnTo>
                    <a:pt x="3075940" y="819912"/>
                  </a:lnTo>
                  <a:lnTo>
                    <a:pt x="136651" y="819912"/>
                  </a:lnTo>
                  <a:lnTo>
                    <a:pt x="93472" y="812942"/>
                  </a:lnTo>
                  <a:lnTo>
                    <a:pt x="55961" y="793536"/>
                  </a:lnTo>
                  <a:lnTo>
                    <a:pt x="26375" y="763950"/>
                  </a:lnTo>
                  <a:lnTo>
                    <a:pt x="6969" y="726440"/>
                  </a:lnTo>
                  <a:lnTo>
                    <a:pt x="0" y="683260"/>
                  </a:lnTo>
                  <a:lnTo>
                    <a:pt x="0" y="136651"/>
                  </a:lnTo>
                  <a:close/>
                </a:path>
              </a:pathLst>
            </a:custGeom>
            <a:ln w="12700">
              <a:solidFill>
                <a:srgbClr val="BD54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19" name="object 19"/>
          <p:cNvSpPr txBox="1"/>
          <p:nvPr/>
        </p:nvSpPr>
        <p:spPr>
          <a:xfrm>
            <a:off x="5201158" y="2788411"/>
            <a:ext cx="1486535" cy="29972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HĐ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1: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Kể lần</a:t>
            </a:r>
            <a:r>
              <a:rPr sz="1800" b="1" spc="-90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1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20" name="object 20"/>
          <p:cNvGrpSpPr/>
          <p:nvPr/>
        </p:nvGrpSpPr>
        <p:grpSpPr>
          <a:xfrm>
            <a:off x="4373626" y="4442205"/>
            <a:ext cx="3225800" cy="831215"/>
            <a:chOff x="4373626" y="4442205"/>
            <a:chExt cx="3225800" cy="831215"/>
          </a:xfrm>
        </p:grpSpPr>
        <p:sp>
          <p:nvSpPr>
            <p:cNvPr id="21" name="object 21"/>
            <p:cNvSpPr/>
            <p:nvPr/>
          </p:nvSpPr>
          <p:spPr>
            <a:xfrm>
              <a:off x="4379976" y="4448555"/>
              <a:ext cx="3213100" cy="818515"/>
            </a:xfrm>
            <a:custGeom>
              <a:avLst/>
              <a:gdLst/>
              <a:ahLst/>
              <a:cxnLst/>
              <a:rect l="l" t="t" r="r" b="b"/>
              <a:pathLst>
                <a:path w="3213100" h="818514">
                  <a:moveTo>
                    <a:pt x="3076194" y="0"/>
                  </a:moveTo>
                  <a:lnTo>
                    <a:pt x="136398" y="0"/>
                  </a:lnTo>
                  <a:lnTo>
                    <a:pt x="93293" y="6955"/>
                  </a:lnTo>
                  <a:lnTo>
                    <a:pt x="55851" y="26322"/>
                  </a:lnTo>
                  <a:lnTo>
                    <a:pt x="26322" y="55851"/>
                  </a:lnTo>
                  <a:lnTo>
                    <a:pt x="6955" y="93293"/>
                  </a:lnTo>
                  <a:lnTo>
                    <a:pt x="0" y="136398"/>
                  </a:lnTo>
                  <a:lnTo>
                    <a:pt x="0" y="681990"/>
                  </a:lnTo>
                  <a:lnTo>
                    <a:pt x="6955" y="725094"/>
                  </a:lnTo>
                  <a:lnTo>
                    <a:pt x="26322" y="762536"/>
                  </a:lnTo>
                  <a:lnTo>
                    <a:pt x="55851" y="792065"/>
                  </a:lnTo>
                  <a:lnTo>
                    <a:pt x="93293" y="811432"/>
                  </a:lnTo>
                  <a:lnTo>
                    <a:pt x="136398" y="818388"/>
                  </a:lnTo>
                  <a:lnTo>
                    <a:pt x="3076194" y="818388"/>
                  </a:lnTo>
                  <a:lnTo>
                    <a:pt x="3119298" y="811432"/>
                  </a:lnTo>
                  <a:lnTo>
                    <a:pt x="3156740" y="792065"/>
                  </a:lnTo>
                  <a:lnTo>
                    <a:pt x="3186269" y="762536"/>
                  </a:lnTo>
                  <a:lnTo>
                    <a:pt x="3205636" y="725094"/>
                  </a:lnTo>
                  <a:lnTo>
                    <a:pt x="3212592" y="681990"/>
                  </a:lnTo>
                  <a:lnTo>
                    <a:pt x="3212592" y="136398"/>
                  </a:lnTo>
                  <a:lnTo>
                    <a:pt x="3205636" y="93293"/>
                  </a:lnTo>
                  <a:lnTo>
                    <a:pt x="3186269" y="55851"/>
                  </a:lnTo>
                  <a:lnTo>
                    <a:pt x="3156740" y="26322"/>
                  </a:lnTo>
                  <a:lnTo>
                    <a:pt x="3119298" y="6955"/>
                  </a:lnTo>
                  <a:lnTo>
                    <a:pt x="3076194" y="0"/>
                  </a:lnTo>
                  <a:close/>
                </a:path>
              </a:pathLst>
            </a:custGeom>
            <a:solidFill>
              <a:srgbClr val="FFF1CC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2" name="object 22"/>
            <p:cNvSpPr/>
            <p:nvPr/>
          </p:nvSpPr>
          <p:spPr>
            <a:xfrm>
              <a:off x="4379976" y="4448555"/>
              <a:ext cx="3213100" cy="818515"/>
            </a:xfrm>
            <a:custGeom>
              <a:avLst/>
              <a:gdLst/>
              <a:ahLst/>
              <a:cxnLst/>
              <a:rect l="l" t="t" r="r" b="b"/>
              <a:pathLst>
                <a:path w="3213100" h="818514">
                  <a:moveTo>
                    <a:pt x="0" y="136398"/>
                  </a:moveTo>
                  <a:lnTo>
                    <a:pt x="6955" y="93293"/>
                  </a:lnTo>
                  <a:lnTo>
                    <a:pt x="26322" y="55851"/>
                  </a:lnTo>
                  <a:lnTo>
                    <a:pt x="55851" y="26322"/>
                  </a:lnTo>
                  <a:lnTo>
                    <a:pt x="93293" y="6955"/>
                  </a:lnTo>
                  <a:lnTo>
                    <a:pt x="136398" y="0"/>
                  </a:lnTo>
                  <a:lnTo>
                    <a:pt x="3076194" y="0"/>
                  </a:lnTo>
                  <a:lnTo>
                    <a:pt x="3119298" y="6955"/>
                  </a:lnTo>
                  <a:lnTo>
                    <a:pt x="3156740" y="26322"/>
                  </a:lnTo>
                  <a:lnTo>
                    <a:pt x="3186269" y="55851"/>
                  </a:lnTo>
                  <a:lnTo>
                    <a:pt x="3205636" y="93293"/>
                  </a:lnTo>
                  <a:lnTo>
                    <a:pt x="3212592" y="136398"/>
                  </a:lnTo>
                  <a:lnTo>
                    <a:pt x="3212592" y="681990"/>
                  </a:lnTo>
                  <a:lnTo>
                    <a:pt x="3205636" y="725094"/>
                  </a:lnTo>
                  <a:lnTo>
                    <a:pt x="3186269" y="762536"/>
                  </a:lnTo>
                  <a:lnTo>
                    <a:pt x="3156740" y="792065"/>
                  </a:lnTo>
                  <a:lnTo>
                    <a:pt x="3119298" y="811432"/>
                  </a:lnTo>
                  <a:lnTo>
                    <a:pt x="3076194" y="818388"/>
                  </a:lnTo>
                  <a:lnTo>
                    <a:pt x="136398" y="818388"/>
                  </a:lnTo>
                  <a:lnTo>
                    <a:pt x="93293" y="811432"/>
                  </a:lnTo>
                  <a:lnTo>
                    <a:pt x="55851" y="792065"/>
                  </a:lnTo>
                  <a:lnTo>
                    <a:pt x="26322" y="762536"/>
                  </a:lnTo>
                  <a:lnTo>
                    <a:pt x="6955" y="725094"/>
                  </a:lnTo>
                  <a:lnTo>
                    <a:pt x="0" y="681990"/>
                  </a:lnTo>
                  <a:lnTo>
                    <a:pt x="0" y="136398"/>
                  </a:lnTo>
                  <a:close/>
                </a:path>
              </a:pathLst>
            </a:custGeom>
            <a:ln w="12700">
              <a:solidFill>
                <a:srgbClr val="BD54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3" name="object 23"/>
          <p:cNvSpPr txBox="1"/>
          <p:nvPr/>
        </p:nvSpPr>
        <p:spPr>
          <a:xfrm>
            <a:off x="5208778" y="4563617"/>
            <a:ext cx="1555115" cy="574675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70840" marR="5080" indent="-358775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HĐ 3: Giáo</a:t>
            </a:r>
            <a:r>
              <a:rPr sz="1800" b="1" spc="-110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dục 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Kể lần</a:t>
            </a:r>
            <a:r>
              <a:rPr sz="1800" b="1" spc="-35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3</a:t>
            </a:r>
            <a:endParaRPr sz="1800">
              <a:latin typeface="Times New Roman"/>
              <a:cs typeface="Times New Roman"/>
            </a:endParaRPr>
          </a:p>
        </p:txBody>
      </p:sp>
      <p:grpSp>
        <p:nvGrpSpPr>
          <p:cNvPr id="24" name="object 24"/>
          <p:cNvGrpSpPr/>
          <p:nvPr/>
        </p:nvGrpSpPr>
        <p:grpSpPr>
          <a:xfrm>
            <a:off x="4373626" y="3447034"/>
            <a:ext cx="3225800" cy="833119"/>
            <a:chOff x="4373626" y="3447034"/>
            <a:chExt cx="3225800" cy="833119"/>
          </a:xfrm>
        </p:grpSpPr>
        <p:sp>
          <p:nvSpPr>
            <p:cNvPr id="25" name="object 25"/>
            <p:cNvSpPr/>
            <p:nvPr/>
          </p:nvSpPr>
          <p:spPr>
            <a:xfrm>
              <a:off x="4379976" y="3453384"/>
              <a:ext cx="3213100" cy="820419"/>
            </a:xfrm>
            <a:custGeom>
              <a:avLst/>
              <a:gdLst/>
              <a:ahLst/>
              <a:cxnLst/>
              <a:rect l="l" t="t" r="r" b="b"/>
              <a:pathLst>
                <a:path w="3213100" h="820420">
                  <a:moveTo>
                    <a:pt x="3075940" y="0"/>
                  </a:moveTo>
                  <a:lnTo>
                    <a:pt x="136651" y="0"/>
                  </a:lnTo>
                  <a:lnTo>
                    <a:pt x="93471" y="6969"/>
                  </a:lnTo>
                  <a:lnTo>
                    <a:pt x="55961" y="26375"/>
                  </a:lnTo>
                  <a:lnTo>
                    <a:pt x="26375" y="55961"/>
                  </a:lnTo>
                  <a:lnTo>
                    <a:pt x="6969" y="93472"/>
                  </a:lnTo>
                  <a:lnTo>
                    <a:pt x="0" y="136651"/>
                  </a:lnTo>
                  <a:lnTo>
                    <a:pt x="0" y="683259"/>
                  </a:lnTo>
                  <a:lnTo>
                    <a:pt x="6969" y="726439"/>
                  </a:lnTo>
                  <a:lnTo>
                    <a:pt x="26375" y="763950"/>
                  </a:lnTo>
                  <a:lnTo>
                    <a:pt x="55961" y="793536"/>
                  </a:lnTo>
                  <a:lnTo>
                    <a:pt x="93472" y="812942"/>
                  </a:lnTo>
                  <a:lnTo>
                    <a:pt x="136651" y="819911"/>
                  </a:lnTo>
                  <a:lnTo>
                    <a:pt x="3075940" y="819911"/>
                  </a:lnTo>
                  <a:lnTo>
                    <a:pt x="3119119" y="812942"/>
                  </a:lnTo>
                  <a:lnTo>
                    <a:pt x="3156630" y="793536"/>
                  </a:lnTo>
                  <a:lnTo>
                    <a:pt x="3186216" y="763950"/>
                  </a:lnTo>
                  <a:lnTo>
                    <a:pt x="3205622" y="726439"/>
                  </a:lnTo>
                  <a:lnTo>
                    <a:pt x="3212592" y="683259"/>
                  </a:lnTo>
                  <a:lnTo>
                    <a:pt x="3212592" y="136651"/>
                  </a:lnTo>
                  <a:lnTo>
                    <a:pt x="3205622" y="93471"/>
                  </a:lnTo>
                  <a:lnTo>
                    <a:pt x="3186216" y="55961"/>
                  </a:lnTo>
                  <a:lnTo>
                    <a:pt x="3156630" y="26375"/>
                  </a:lnTo>
                  <a:lnTo>
                    <a:pt x="3119120" y="6969"/>
                  </a:lnTo>
                  <a:lnTo>
                    <a:pt x="3075940" y="0"/>
                  </a:lnTo>
                  <a:close/>
                </a:path>
              </a:pathLst>
            </a:custGeom>
            <a:solidFill>
              <a:srgbClr val="FFF1CC"/>
            </a:solid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26" name="object 26"/>
            <p:cNvSpPr/>
            <p:nvPr/>
          </p:nvSpPr>
          <p:spPr>
            <a:xfrm>
              <a:off x="4379976" y="3453384"/>
              <a:ext cx="3213100" cy="820419"/>
            </a:xfrm>
            <a:custGeom>
              <a:avLst/>
              <a:gdLst/>
              <a:ahLst/>
              <a:cxnLst/>
              <a:rect l="l" t="t" r="r" b="b"/>
              <a:pathLst>
                <a:path w="3213100" h="820420">
                  <a:moveTo>
                    <a:pt x="0" y="136651"/>
                  </a:moveTo>
                  <a:lnTo>
                    <a:pt x="6969" y="93472"/>
                  </a:lnTo>
                  <a:lnTo>
                    <a:pt x="26375" y="55961"/>
                  </a:lnTo>
                  <a:lnTo>
                    <a:pt x="55961" y="26375"/>
                  </a:lnTo>
                  <a:lnTo>
                    <a:pt x="93471" y="6969"/>
                  </a:lnTo>
                  <a:lnTo>
                    <a:pt x="136651" y="0"/>
                  </a:lnTo>
                  <a:lnTo>
                    <a:pt x="3075940" y="0"/>
                  </a:lnTo>
                  <a:lnTo>
                    <a:pt x="3119120" y="6969"/>
                  </a:lnTo>
                  <a:lnTo>
                    <a:pt x="3156630" y="26375"/>
                  </a:lnTo>
                  <a:lnTo>
                    <a:pt x="3186216" y="55961"/>
                  </a:lnTo>
                  <a:lnTo>
                    <a:pt x="3205622" y="93471"/>
                  </a:lnTo>
                  <a:lnTo>
                    <a:pt x="3212592" y="136651"/>
                  </a:lnTo>
                  <a:lnTo>
                    <a:pt x="3212592" y="683259"/>
                  </a:lnTo>
                  <a:lnTo>
                    <a:pt x="3205622" y="726439"/>
                  </a:lnTo>
                  <a:lnTo>
                    <a:pt x="3186216" y="763950"/>
                  </a:lnTo>
                  <a:lnTo>
                    <a:pt x="3156630" y="793536"/>
                  </a:lnTo>
                  <a:lnTo>
                    <a:pt x="3119119" y="812942"/>
                  </a:lnTo>
                  <a:lnTo>
                    <a:pt x="3075940" y="819911"/>
                  </a:lnTo>
                  <a:lnTo>
                    <a:pt x="136651" y="819911"/>
                  </a:lnTo>
                  <a:lnTo>
                    <a:pt x="93472" y="812942"/>
                  </a:lnTo>
                  <a:lnTo>
                    <a:pt x="55961" y="793536"/>
                  </a:lnTo>
                  <a:lnTo>
                    <a:pt x="26375" y="763950"/>
                  </a:lnTo>
                  <a:lnTo>
                    <a:pt x="6969" y="726439"/>
                  </a:lnTo>
                  <a:lnTo>
                    <a:pt x="0" y="683259"/>
                  </a:lnTo>
                  <a:lnTo>
                    <a:pt x="0" y="136651"/>
                  </a:lnTo>
                  <a:close/>
                </a:path>
              </a:pathLst>
            </a:custGeom>
            <a:ln w="12700">
              <a:solidFill>
                <a:srgbClr val="BD5400"/>
              </a:solidFill>
            </a:ln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27" name="object 27"/>
          <p:cNvSpPr txBox="1"/>
          <p:nvPr/>
        </p:nvSpPr>
        <p:spPr>
          <a:xfrm>
            <a:off x="4873497" y="3569970"/>
            <a:ext cx="2228215" cy="574040"/>
          </a:xfrm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12700" marR="5080" indent="370205">
              <a:lnSpc>
                <a:spcPct val="100000"/>
              </a:lnSpc>
              <a:spcBef>
                <a:spcPts val="100"/>
              </a:spcBef>
            </a:pP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HĐ 2: Kể lần 2 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Đàm </a:t>
            </a:r>
            <a:r>
              <a:rPr sz="1800" b="1" dirty="0">
                <a:solidFill>
                  <a:srgbClr val="0D2745"/>
                </a:solidFill>
                <a:latin typeface="Times New Roman"/>
                <a:cs typeface="Times New Roman"/>
              </a:rPr>
              <a:t>thoại – </a:t>
            </a:r>
            <a:r>
              <a:rPr sz="1800" b="1" spc="-30" dirty="0">
                <a:solidFill>
                  <a:srgbClr val="0D2745"/>
                </a:solidFill>
                <a:latin typeface="Times New Roman"/>
                <a:cs typeface="Times New Roman"/>
              </a:rPr>
              <a:t>Trích</a:t>
            </a:r>
            <a:r>
              <a:rPr sz="1800" b="1" spc="-110" dirty="0">
                <a:solidFill>
                  <a:srgbClr val="0D2745"/>
                </a:solidFill>
                <a:latin typeface="Times New Roman"/>
                <a:cs typeface="Times New Roman"/>
              </a:rPr>
              <a:t> </a:t>
            </a:r>
            <a:r>
              <a:rPr sz="1800" b="1" spc="-5" dirty="0">
                <a:solidFill>
                  <a:srgbClr val="0D2745"/>
                </a:solidFill>
                <a:latin typeface="Times New Roman"/>
                <a:cs typeface="Times New Roman"/>
              </a:rPr>
              <a:t>dẫn</a:t>
            </a:r>
            <a:endParaRPr sz="1800">
              <a:latin typeface="Times New Roman"/>
              <a:cs typeface="Times New Roman"/>
            </a:endParaRPr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object 2"/>
          <p:cNvGrpSpPr/>
          <p:nvPr/>
        </p:nvGrpSpPr>
        <p:grpSpPr>
          <a:xfrm>
            <a:off x="3052517" y="1810417"/>
            <a:ext cx="6099175" cy="4613910"/>
            <a:chOff x="3052517" y="1810417"/>
            <a:chExt cx="6099175" cy="4613910"/>
          </a:xfrm>
        </p:grpSpPr>
        <p:sp>
          <p:nvSpPr>
            <p:cNvPr id="3" name="object 3"/>
            <p:cNvSpPr/>
            <p:nvPr/>
          </p:nvSpPr>
          <p:spPr>
            <a:xfrm>
              <a:off x="3052517" y="1810417"/>
              <a:ext cx="6099129" cy="4613308"/>
            </a:xfrm>
            <a:prstGeom prst="rect">
              <a:avLst/>
            </a:prstGeom>
            <a:blipFill>
              <a:blip r:embed="rId2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  <p:sp>
          <p:nvSpPr>
            <p:cNvPr id="4" name="object 4"/>
            <p:cNvSpPr/>
            <p:nvPr/>
          </p:nvSpPr>
          <p:spPr>
            <a:xfrm>
              <a:off x="3131820" y="1851660"/>
              <a:ext cx="5931408" cy="4445508"/>
            </a:xfrm>
            <a:prstGeom prst="rect">
              <a:avLst/>
            </a:prstGeom>
            <a:blipFill>
              <a:blip r:embed="rId3" cstate="print"/>
              <a:stretch>
                <a:fillRect/>
              </a:stretch>
            </a:blipFill>
          </p:spPr>
          <p:txBody>
            <a:bodyPr wrap="square" lIns="0" tIns="0" rIns="0" bIns="0" rtlCol="0"/>
            <a:lstStyle/>
            <a:p>
              <a:endParaRPr/>
            </a:p>
          </p:txBody>
        </p:sp>
      </p:grpSp>
      <p:sp>
        <p:nvSpPr>
          <p:cNvPr id="5" name="object 5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6" name="object 6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4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7" name="object 7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4270375" y="915365"/>
            <a:ext cx="3715385" cy="6350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4000" spc="-45" dirty="0">
                <a:solidFill>
                  <a:srgbClr val="000000"/>
                </a:solidFill>
                <a:latin typeface="Carlito"/>
                <a:cs typeface="Carlito"/>
              </a:rPr>
              <a:t>Kể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diễn </a:t>
            </a:r>
            <a:r>
              <a:rPr sz="4000" spc="-15" dirty="0">
                <a:solidFill>
                  <a:srgbClr val="000000"/>
                </a:solidFill>
                <a:latin typeface="Carlito"/>
                <a:cs typeface="Carlito"/>
              </a:rPr>
              <a:t>cảm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lần</a:t>
            </a:r>
            <a:r>
              <a:rPr sz="4000" spc="15" dirty="0">
                <a:solidFill>
                  <a:srgbClr val="000000"/>
                </a:solidFill>
                <a:latin typeface="Carlito"/>
                <a:cs typeface="Carlito"/>
              </a:rPr>
              <a:t>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1</a:t>
            </a:r>
            <a:endParaRPr sz="4000">
              <a:latin typeface="Carlito"/>
              <a:cs typeface="Carlito"/>
            </a:endParaRPr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 showMasterSp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0" y="0"/>
            <a:ext cx="12191999" cy="6857997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/>
          <p:nvPr/>
        </p:nvSpPr>
        <p:spPr>
          <a:xfrm>
            <a:off x="2147316" y="1851660"/>
            <a:ext cx="7900416" cy="4445508"/>
          </a:xfrm>
          <a:prstGeom prst="rect">
            <a:avLst/>
          </a:prstGeom>
          <a:blipFill>
            <a:blip r:embed="rId2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3" name="object 3"/>
          <p:cNvSpPr txBox="1">
            <a:spLocks noGrp="1"/>
          </p:cNvSpPr>
          <p:nvPr>
            <p:ph type="ctrTitle"/>
          </p:nvPr>
        </p:nvSpPr>
        <p:spPr>
          <a:prstGeom prst="rect">
            <a:avLst/>
          </a:prstGeom>
        </p:spPr>
        <p:txBody>
          <a:bodyPr vert="horz" wrap="square" lIns="0" tIns="12700" rIns="0" bIns="0" rtlCol="0">
            <a:spAutoFit/>
          </a:bodyPr>
          <a:lstStyle/>
          <a:p>
            <a:pPr marL="325755">
              <a:lnSpc>
                <a:spcPct val="100000"/>
              </a:lnSpc>
              <a:spcBef>
                <a:spcPts val="100"/>
              </a:spcBef>
            </a:pPr>
            <a:r>
              <a:rPr spc="-25" dirty="0"/>
              <a:t>Q</a:t>
            </a:r>
            <a:r>
              <a:rPr spc="-35" dirty="0"/>
              <a:t>u</a:t>
            </a:r>
            <a:r>
              <a:rPr spc="-50" dirty="0"/>
              <a:t>iz</a:t>
            </a:r>
          </a:p>
        </p:txBody>
      </p:sp>
      <p:sp>
        <p:nvSpPr>
          <p:cNvPr id="4" name="object 4"/>
          <p:cNvSpPr/>
          <p:nvPr/>
        </p:nvSpPr>
        <p:spPr>
          <a:xfrm>
            <a:off x="5383720" y="521112"/>
            <a:ext cx="367379" cy="316706"/>
          </a:xfrm>
          <a:prstGeom prst="rect">
            <a:avLst/>
          </a:prstGeom>
          <a:blipFill>
            <a:blip r:embed="rId3" cstate="print"/>
            <a:stretch>
              <a:fillRect/>
            </a:stretch>
          </a:blipFill>
        </p:spPr>
        <p:txBody>
          <a:bodyPr wrap="square" lIns="0" tIns="0" rIns="0" bIns="0" rtlCol="0"/>
          <a:lstStyle/>
          <a:p>
            <a:endParaRPr/>
          </a:p>
        </p:txBody>
      </p:sp>
      <p:sp>
        <p:nvSpPr>
          <p:cNvPr id="5" name="object 5"/>
          <p:cNvSpPr txBox="1"/>
          <p:nvPr/>
        </p:nvSpPr>
        <p:spPr>
          <a:xfrm>
            <a:off x="3654678" y="1124458"/>
            <a:ext cx="4883785" cy="36068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2200" spc="-55" dirty="0">
                <a:solidFill>
                  <a:srgbClr val="343944"/>
                </a:solidFill>
                <a:latin typeface="Arial"/>
                <a:cs typeface="Arial"/>
              </a:rPr>
              <a:t>Click </a:t>
            </a:r>
            <a:r>
              <a:rPr sz="2200" spc="25" dirty="0">
                <a:solidFill>
                  <a:srgbClr val="343944"/>
                </a:solidFill>
                <a:latin typeface="Arial"/>
                <a:cs typeface="Arial"/>
              </a:rPr>
              <a:t>the </a:t>
            </a:r>
            <a:r>
              <a:rPr sz="2200" b="1" spc="-60" dirty="0">
                <a:solidFill>
                  <a:srgbClr val="343944"/>
                </a:solidFill>
                <a:latin typeface="Arial"/>
                <a:cs typeface="Arial"/>
              </a:rPr>
              <a:t>Quiz </a:t>
            </a:r>
            <a:r>
              <a:rPr sz="2200" spc="70" dirty="0">
                <a:solidFill>
                  <a:srgbClr val="343944"/>
                </a:solidFill>
                <a:latin typeface="Arial"/>
                <a:cs typeface="Arial"/>
              </a:rPr>
              <a:t>button </a:t>
            </a:r>
            <a:r>
              <a:rPr sz="2200" spc="90" dirty="0">
                <a:solidFill>
                  <a:srgbClr val="343944"/>
                </a:solidFill>
                <a:latin typeface="Arial"/>
                <a:cs typeface="Arial"/>
              </a:rPr>
              <a:t>to </a:t>
            </a:r>
            <a:r>
              <a:rPr sz="2200" spc="40" dirty="0">
                <a:solidFill>
                  <a:srgbClr val="343944"/>
                </a:solidFill>
                <a:latin typeface="Arial"/>
                <a:cs typeface="Arial"/>
              </a:rPr>
              <a:t>edit </a:t>
            </a:r>
            <a:r>
              <a:rPr sz="2200" spc="5" dirty="0">
                <a:solidFill>
                  <a:srgbClr val="343944"/>
                </a:solidFill>
                <a:latin typeface="Arial"/>
                <a:cs typeface="Arial"/>
              </a:rPr>
              <a:t>this</a:t>
            </a:r>
            <a:r>
              <a:rPr sz="2200" spc="-130" dirty="0">
                <a:solidFill>
                  <a:srgbClr val="343944"/>
                </a:solidFill>
                <a:latin typeface="Arial"/>
                <a:cs typeface="Arial"/>
              </a:rPr>
              <a:t> </a:t>
            </a:r>
            <a:r>
              <a:rPr sz="2200" spc="20" dirty="0">
                <a:solidFill>
                  <a:srgbClr val="343944"/>
                </a:solidFill>
                <a:latin typeface="Arial"/>
                <a:cs typeface="Arial"/>
              </a:rPr>
              <a:t>object</a:t>
            </a:r>
            <a:endParaRPr sz="2200">
              <a:latin typeface="Arial"/>
              <a:cs typeface="Arial"/>
            </a:endParaRPr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object 2"/>
          <p:cNvSpPr txBox="1">
            <a:spLocks noGrp="1"/>
          </p:cNvSpPr>
          <p:nvPr>
            <p:ph type="title"/>
          </p:nvPr>
        </p:nvSpPr>
        <p:spPr>
          <a:xfrm>
            <a:off x="4346575" y="382269"/>
            <a:ext cx="3714115" cy="635000"/>
          </a:xfrm>
          <a:prstGeom prst="rect">
            <a:avLst/>
          </a:prstGeom>
        </p:spPr>
        <p:txBody>
          <a:bodyPr vert="horz" wrap="square" lIns="0" tIns="12065" rIns="0" bIns="0" rtlCol="0">
            <a:spAutoFit/>
          </a:bodyPr>
          <a:lstStyle/>
          <a:p>
            <a:pPr marL="12700">
              <a:lnSpc>
                <a:spcPct val="100000"/>
              </a:lnSpc>
              <a:spcBef>
                <a:spcPts val="95"/>
              </a:spcBef>
            </a:pPr>
            <a:r>
              <a:rPr sz="4000" spc="-40" dirty="0">
                <a:solidFill>
                  <a:srgbClr val="000000"/>
                </a:solidFill>
                <a:latin typeface="Carlito"/>
                <a:cs typeface="Carlito"/>
              </a:rPr>
              <a:t>Kể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diễn </a:t>
            </a:r>
            <a:r>
              <a:rPr sz="4000" spc="-15" dirty="0">
                <a:solidFill>
                  <a:srgbClr val="000000"/>
                </a:solidFill>
                <a:latin typeface="Carlito"/>
                <a:cs typeface="Carlito"/>
              </a:rPr>
              <a:t>cảm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lần</a:t>
            </a:r>
            <a:r>
              <a:rPr sz="4000" dirty="0">
                <a:solidFill>
                  <a:srgbClr val="000000"/>
                </a:solidFill>
                <a:latin typeface="Carlito"/>
                <a:cs typeface="Carlito"/>
              </a:rPr>
              <a:t> </a:t>
            </a:r>
            <a:r>
              <a:rPr sz="4000" spc="-5" dirty="0">
                <a:solidFill>
                  <a:srgbClr val="000000"/>
                </a:solidFill>
                <a:latin typeface="Carlito"/>
                <a:cs typeface="Carlito"/>
              </a:rPr>
              <a:t>2</a:t>
            </a:r>
            <a:endParaRPr sz="4000">
              <a:latin typeface="Carlito"/>
              <a:cs typeface="Carlito"/>
            </a:endParaRPr>
          </a:p>
        </p:txBody>
      </p:sp>
    </p:spTree>
  </p:cSld>
  <p:clrMapOvr>
    <a:masterClrMapping/>
  </p:clrMapOvr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462C1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</TotalTime>
  <Words>248</Words>
  <Application>Microsoft Office PowerPoint</Application>
  <PresentationFormat>Widescreen</PresentationFormat>
  <Paragraphs>52</Paragraphs>
  <Slides>25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25</vt:i4>
      </vt:variant>
    </vt:vector>
  </HeadingPairs>
  <TitlesOfParts>
    <vt:vector size="30" baseType="lpstr">
      <vt:lpstr>Arial</vt:lpstr>
      <vt:lpstr>Calibri</vt:lpstr>
      <vt:lpstr>Carlito</vt:lpstr>
      <vt:lpstr>Times New Roman</vt:lpstr>
      <vt:lpstr>Office Theme</vt:lpstr>
      <vt:lpstr>PowerPoint Presentation</vt:lpstr>
      <vt:lpstr>MỤC ĐÍCH – YÊU CẦU</vt:lpstr>
      <vt:lpstr>1. Gây hứng thú</vt:lpstr>
      <vt:lpstr>PowerPoint Presentation</vt:lpstr>
      <vt:lpstr>Quiz</vt:lpstr>
      <vt:lpstr>Kể diễn cảm lần 1</vt:lpstr>
      <vt:lpstr>PowerPoint Presentation</vt:lpstr>
      <vt:lpstr>Quiz</vt:lpstr>
      <vt:lpstr>Kể diễn cảm lần 2</vt:lpstr>
      <vt:lpstr>PowerPoint Presentation</vt:lpstr>
      <vt:lpstr>PowerPoint Presentation</vt:lpstr>
      <vt:lpstr>Quiz</vt:lpstr>
      <vt:lpstr>Quiz</vt:lpstr>
      <vt:lpstr>PowerPoint Presentation</vt:lpstr>
      <vt:lpstr>Quiz</vt:lpstr>
      <vt:lpstr>PowerPoint Presentation</vt:lpstr>
      <vt:lpstr>Quiz</vt:lpstr>
      <vt:lpstr>Quiz</vt:lpstr>
      <vt:lpstr>PowerPoint Presentation</vt:lpstr>
      <vt:lpstr>PowerPoint Presentation</vt:lpstr>
      <vt:lpstr>GIÁO DỤC</vt:lpstr>
      <vt:lpstr>PowerPoint Presentation</vt:lpstr>
      <vt:lpstr>PowerPoint Presentation</vt:lpstr>
      <vt:lpstr>Bài học đến đây là kết thúc  Chúc các bé chăm ngoan học giỏi! Trân trọng cảm ơn !</vt:lpstr>
      <vt:lpstr>TÀI LIỆU THAM KHẢO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ruyện Hồ nước và mây LE GIANG</dc:title>
  <dc:creator>User</dc:creator>
  <cp:lastModifiedBy>Admin</cp:lastModifiedBy>
  <cp:revision>2</cp:revision>
  <dcterms:created xsi:type="dcterms:W3CDTF">2023-04-08T02:05:09Z</dcterms:created>
  <dcterms:modified xsi:type="dcterms:W3CDTF">2023-04-08T02:16:0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reated">
    <vt:filetime>2022-10-29T00:00:00Z</vt:filetime>
  </property>
  <property fmtid="{D5CDD505-2E9C-101B-9397-08002B2CF9AE}" pid="3" name="Creator">
    <vt:lpwstr>Microsoft® PowerPoint® 2016</vt:lpwstr>
  </property>
  <property fmtid="{D5CDD505-2E9C-101B-9397-08002B2CF9AE}" pid="4" name="LastSaved">
    <vt:filetime>2023-04-08T00:00:00Z</vt:filetime>
  </property>
</Properties>
</file>